
<file path=[Content_Types].xml><?xml version="1.0" encoding="utf-8"?>
<Types xmlns="http://schemas.openxmlformats.org/package/2006/content-types">
  <Default ContentType="image/jpeg" Extension="jpg"/>
  <Default ContentType="application/x-fontdata" Extension="fntdata"/>
  <Default ContentType="application/xml" Extension="xml"/>
  <Default ContentType="image/png" Extension="png"/>
  <Default ContentType="application/vnd.openxmlformats-package.relationships+xml" Extension="rels"/>
  <Override ContentType="application/vnd.openxmlformats-officedocument.presentationml.notesSlide+xml" PartName="/ppt/notesSlides/notesSlide67.xml"/>
  <Override ContentType="application/vnd.openxmlformats-officedocument.presentationml.notesSlide+xml" PartName="/ppt/notesSlides/notesSlide59.xml"/>
  <Override ContentType="application/vnd.openxmlformats-officedocument.presentationml.notesSlide+xml" PartName="/ppt/notesSlides/notesSlide32.xml"/>
  <Override ContentType="application/vnd.openxmlformats-officedocument.presentationml.notesSlide+xml" PartName="/ppt/notesSlides/notesSlide3.xml"/>
  <Override ContentType="application/vnd.openxmlformats-officedocument.presentationml.notesSlide+xml" PartName="/ppt/notesSlides/notesSlide33.xml"/>
  <Override ContentType="application/vnd.openxmlformats-officedocument.presentationml.notesSlide+xml" PartName="/ppt/notesSlides/notesSlide41.xml"/>
  <Override ContentType="application/vnd.openxmlformats-officedocument.presentationml.notesSlide+xml" PartName="/ppt/notesSlides/notesSlide15.xml"/>
  <Override ContentType="application/vnd.openxmlformats-officedocument.presentationml.notesSlide+xml" PartName="/ppt/notesSlides/notesSlide24.xml"/>
  <Override ContentType="application/vnd.openxmlformats-officedocument.presentationml.notesSlide+xml" PartName="/ppt/notesSlides/notesSlide50.xml"/>
  <Override ContentType="application/vnd.openxmlformats-officedocument.presentationml.notesSlide+xml" PartName="/ppt/notesSlides/notesSlide68.xml"/>
  <Override ContentType="application/vnd.openxmlformats-officedocument.presentationml.notesSlide+xml" PartName="/ppt/notesSlides/notesSlide17.xml"/>
  <Override ContentType="application/vnd.openxmlformats-officedocument.presentationml.notesSlide+xml" PartName="/ppt/notesSlides/notesSlide42.xml"/>
  <Override ContentType="application/vnd.openxmlformats-officedocument.presentationml.notesSlide+xml" PartName="/ppt/notesSlides/notesSlide16.xml"/>
  <Override ContentType="application/vnd.openxmlformats-officedocument.presentationml.notesSlide+xml" PartName="/ppt/notesSlides/notesSlide34.xml"/>
  <Override ContentType="application/vnd.openxmlformats-officedocument.presentationml.notesSlide+xml" PartName="/ppt/notesSlides/notesSlide51.xml"/>
  <Override ContentType="application/vnd.openxmlformats-officedocument.presentationml.notesSlide+xml" PartName="/ppt/notesSlides/notesSlide4.xml"/>
  <Override ContentType="application/vnd.openxmlformats-officedocument.presentationml.notesSlide+xml" PartName="/ppt/notesSlides/notesSlide25.xml"/>
  <Override ContentType="application/vnd.openxmlformats-officedocument.presentationml.notesSlide+xml" PartName="/ppt/notesSlides/notesSlide43.xml"/>
  <Override ContentType="application/vnd.openxmlformats-officedocument.presentationml.notesSlide+xml" PartName="/ppt/notesSlides/notesSlide13.xml"/>
  <Override ContentType="application/vnd.openxmlformats-officedocument.presentationml.notesSlide+xml" PartName="/ppt/notesSlides/notesSlide1.xml"/>
  <Override ContentType="application/vnd.openxmlformats-officedocument.presentationml.notesSlide+xml" PartName="/ppt/notesSlides/notesSlide56.xml"/>
  <Override ContentType="application/vnd.openxmlformats-officedocument.presentationml.notesSlide+xml" PartName="/ppt/notesSlides/notesSlide30.xml"/>
  <Override ContentType="application/vnd.openxmlformats-officedocument.presentationml.notesSlide+xml" PartName="/ppt/notesSlides/notesSlide69.xml"/>
  <Override ContentType="application/vnd.openxmlformats-officedocument.presentationml.notesSlide+xml" PartName="/ppt/notesSlides/notesSlide26.xml"/>
  <Override ContentType="application/vnd.openxmlformats-officedocument.presentationml.notesSlide+xml" PartName="/ppt/notesSlides/notesSlide39.xml"/>
  <Override ContentType="application/vnd.openxmlformats-officedocument.presentationml.notesSlide+xml" PartName="/ppt/notesSlides/notesSlide31.xml"/>
  <Override ContentType="application/vnd.openxmlformats-officedocument.presentationml.notesSlide+xml" PartName="/ppt/notesSlides/notesSlide61.xml"/>
  <Override ContentType="application/vnd.openxmlformats-officedocument.presentationml.notesSlide+xml" PartName="/ppt/notesSlides/notesSlide57.xml"/>
  <Override ContentType="application/vnd.openxmlformats-officedocument.presentationml.notesSlide+xml" PartName="/ppt/notesSlides/notesSlide44.xml"/>
  <Override ContentType="application/vnd.openxmlformats-officedocument.presentationml.notesSlide+xml" PartName="/ppt/notesSlides/notesSlide58.xml"/>
  <Override ContentType="application/vnd.openxmlformats-officedocument.presentationml.notesSlide+xml" PartName="/ppt/notesSlides/notesSlide27.xml"/>
  <Override ContentType="application/vnd.openxmlformats-officedocument.presentationml.notesSlide+xml" PartName="/ppt/notesSlides/notesSlide14.xml"/>
  <Override ContentType="application/vnd.openxmlformats-officedocument.presentationml.notesSlide+xml" PartName="/ppt/notesSlides/notesSlide2.xml"/>
  <Override ContentType="application/vnd.openxmlformats-officedocument.presentationml.notesSlide+xml" PartName="/ppt/notesSlides/notesSlide37.xml"/>
  <Override ContentType="application/vnd.openxmlformats-officedocument.presentationml.notesSlide+xml" PartName="/ppt/notesSlides/notesSlide62.xml"/>
  <Override ContentType="application/vnd.openxmlformats-officedocument.presentationml.notesSlide+xml" PartName="/ppt/notesSlides/notesSlide29.xml"/>
  <Override ContentType="application/vnd.openxmlformats-officedocument.presentationml.notesSlide+xml" PartName="/ppt/notesSlides/notesSlide54.xml"/>
  <Override ContentType="application/vnd.openxmlformats-officedocument.presentationml.notesSlide+xml" PartName="/ppt/notesSlides/notesSlide45.xml"/>
  <Override ContentType="application/vnd.openxmlformats-officedocument.presentationml.notesSlide+xml" PartName="/ppt/notesSlides/notesSlide70.xml"/>
  <Override ContentType="application/vnd.openxmlformats-officedocument.presentationml.notesSlide+xml" PartName="/ppt/notesSlides/notesSlide46.xml"/>
  <Override ContentType="application/vnd.openxmlformats-officedocument.presentationml.notesSlide+xml" PartName="/ppt/notesSlides/notesSlide9.xml"/>
  <Override ContentType="application/vnd.openxmlformats-officedocument.presentationml.notesSlide+xml" PartName="/ppt/notesSlides/notesSlide28.xml"/>
  <Override ContentType="application/vnd.openxmlformats-officedocument.presentationml.notesSlide+xml" PartName="/ppt/notesSlides/notesSlide11.xml"/>
  <Override ContentType="application/vnd.openxmlformats-officedocument.presentationml.notesSlide+xml" PartName="/ppt/notesSlides/notesSlide63.xml"/>
  <Override ContentType="application/vnd.openxmlformats-officedocument.presentationml.notesSlide+xml" PartName="/ppt/notesSlides/notesSlide55.xml"/>
  <Override ContentType="application/vnd.openxmlformats-officedocument.presentationml.notesSlide+xml" PartName="/ppt/notesSlides/notesSlide12.xml"/>
  <Override ContentType="application/vnd.openxmlformats-officedocument.presentationml.notesSlide+xml" PartName="/ppt/notesSlides/notesSlide20.xml"/>
  <Override ContentType="application/vnd.openxmlformats-officedocument.presentationml.notesSlide+xml" PartName="/ppt/notesSlides/notesSlide47.xml"/>
  <Override ContentType="application/vnd.openxmlformats-officedocument.presentationml.notesSlide+xml" PartName="/ppt/notesSlides/notesSlide21.xml"/>
  <Override ContentType="application/vnd.openxmlformats-officedocument.presentationml.notesSlide+xml" PartName="/ppt/notesSlides/notesSlide8.xml"/>
  <Override ContentType="application/vnd.openxmlformats-officedocument.presentationml.notesSlide+xml" PartName="/ppt/notesSlides/notesSlide60.xml"/>
  <Override ContentType="application/vnd.openxmlformats-officedocument.presentationml.notesSlide+xml" PartName="/ppt/notesSlides/notesSlide38.xml"/>
  <Override ContentType="application/vnd.openxmlformats-officedocument.presentationml.notesSlide+xml" PartName="/ppt/notesSlides/notesSlide64.xml"/>
  <Override ContentType="application/vnd.openxmlformats-officedocument.presentationml.notesSlide+xml" PartName="/ppt/notesSlides/notesSlide18.xml"/>
  <Override ContentType="application/vnd.openxmlformats-officedocument.presentationml.notesSlide+xml" PartName="/ppt/notesSlides/notesSlide6.xml"/>
  <Override ContentType="application/vnd.openxmlformats-officedocument.presentationml.notesSlide+xml" PartName="/ppt/notesSlides/notesSlide48.xml"/>
  <Override ContentType="application/vnd.openxmlformats-officedocument.presentationml.notesSlide+xml" PartName="/ppt/notesSlides/notesSlide22.xml"/>
  <Override ContentType="application/vnd.openxmlformats-officedocument.presentationml.notesSlide+xml" PartName="/ppt/notesSlides/notesSlide52.xml"/>
  <Override ContentType="application/vnd.openxmlformats-officedocument.presentationml.notesSlide+xml" PartName="/ppt/notesSlides/notesSlide7.xml"/>
  <Override ContentType="application/vnd.openxmlformats-officedocument.presentationml.notesSlide+xml" PartName="/ppt/notesSlides/notesSlide35.xml"/>
  <Override ContentType="application/vnd.openxmlformats-officedocument.presentationml.notesSlide+xml" PartName="/ppt/notesSlides/notesSlide5.xml"/>
  <Override ContentType="application/vnd.openxmlformats-officedocument.presentationml.notesSlide+xml" PartName="/ppt/notesSlides/notesSlide65.xml"/>
  <Override ContentType="application/vnd.openxmlformats-officedocument.presentationml.notesSlide+xml" PartName="/ppt/notesSlides/notesSlide36.xml"/>
  <Override ContentType="application/vnd.openxmlformats-officedocument.presentationml.notesSlide+xml" PartName="/ppt/notesSlides/notesSlide49.xml"/>
  <Override ContentType="application/vnd.openxmlformats-officedocument.presentationml.notesSlide+xml" PartName="/ppt/notesSlides/notesSlide19.xml"/>
  <Override ContentType="application/vnd.openxmlformats-officedocument.presentationml.notesSlide+xml" PartName="/ppt/notesSlides/notesSlide71.xml"/>
  <Override ContentType="application/vnd.openxmlformats-officedocument.presentationml.notesSlide+xml" PartName="/ppt/notesSlides/notesSlide53.xml"/>
  <Override ContentType="application/vnd.openxmlformats-officedocument.presentationml.notesSlide+xml" PartName="/ppt/notesSlides/notesSlide40.xml"/>
  <Override ContentType="application/vnd.openxmlformats-officedocument.presentationml.notesSlide+xml" PartName="/ppt/notesSlides/notesSlide23.xml"/>
  <Override ContentType="application/vnd.openxmlformats-officedocument.presentationml.notesSlide+xml" PartName="/ppt/notesSlides/notesSlide66.xml"/>
  <Override ContentType="application/vnd.openxmlformats-officedocument.presentationml.notesSlide+xml" PartName="/ppt/notesSlides/notesSlide10.xml"/>
  <Override ContentType="application/vnd.openxmlformats-officedocument.presentationml.slideLayout+xml" PartName="/ppt/slideLayouts/slideLayout3.xml"/>
  <Override ContentType="application/vnd.openxmlformats-officedocument.presentationml.slideLayout+xml" PartName="/ppt/slideLayouts/slideLayout4.xml"/>
  <Override ContentType="application/vnd.openxmlformats-officedocument.presentationml.slideLayout+xml" PartName="/ppt/slideLayouts/slideLayout5.xml"/>
  <Override ContentType="application/vnd.openxmlformats-officedocument.presentationml.slideLayout+xml" PartName="/ppt/slideLayouts/slideLayout2.xml"/>
  <Override ContentType="application/vnd.openxmlformats-officedocument.presentationml.slideLayout+xml" PartName="/ppt/slideLayouts/slideLayout1.xml"/>
  <Override ContentType="application/vnd.openxmlformats-officedocument.presentationml.slideLayout+xml" PartName="/ppt/slideLayouts/slideLayout10.xml"/>
  <Override ContentType="application/vnd.openxmlformats-officedocument.presentationml.slideLayout+xml" PartName="/ppt/slideLayouts/slideLayout7.xml"/>
  <Override ContentType="application/vnd.openxmlformats-officedocument.presentationml.slideLayout+xml" PartName="/ppt/slideLayouts/slideLayout6.xml"/>
  <Override ContentType="application/vnd.openxmlformats-officedocument.presentationml.slideLayout+xml" PartName="/ppt/slideLayouts/slideLayout8.xml"/>
  <Override ContentType="application/vnd.openxmlformats-officedocument.presentationml.slideLayout+xml" PartName="/ppt/slideLayouts/slideLayout9.xml"/>
  <Override ContentType="application/vnd.openxmlformats-officedocument.presentationml.slideMaster+xml" PartName="/ppt/slideMasters/slideMaster1.xml"/>
  <Override ContentType="application/binary" PartName="/ppt/metadata"/>
  <Override ContentType="application/vnd.openxmlformats-officedocument.presentationml.slide+xml" PartName="/ppt/slides/slide4.xml"/>
  <Override ContentType="application/vnd.openxmlformats-officedocument.presentationml.slide+xml" PartName="/ppt/slides/slide18.xml"/>
  <Override ContentType="application/vnd.openxmlformats-officedocument.presentationml.slide+xml" PartName="/ppt/slides/slide43.xml"/>
  <Override ContentType="application/vnd.openxmlformats-officedocument.presentationml.slide+xml" PartName="/ppt/slides/slide35.xml"/>
  <Override ContentType="application/vnd.openxmlformats-officedocument.presentationml.slide+xml" PartName="/ppt/slides/slide60.xml"/>
  <Override ContentType="application/vnd.openxmlformats-officedocument.presentationml.slide+xml" PartName="/ppt/slides/slide52.xml"/>
  <Override ContentType="application/vnd.openxmlformats-officedocument.presentationml.slide+xml" PartName="/ppt/slides/slide26.xml"/>
  <Override ContentType="application/vnd.openxmlformats-officedocument.presentationml.slide+xml" PartName="/ppt/slides/slide19.xml"/>
  <Override ContentType="application/vnd.openxmlformats-officedocument.presentationml.slide+xml" PartName="/ppt/slides/slide3.xml"/>
  <Override ContentType="application/vnd.openxmlformats-officedocument.presentationml.slide+xml" PartName="/ppt/slides/slide5.xml"/>
  <Override ContentType="application/vnd.openxmlformats-officedocument.presentationml.slide+xml" PartName="/ppt/slides/slide69.xml"/>
  <Override ContentType="application/vnd.openxmlformats-officedocument.presentationml.slide+xml" PartName="/ppt/slides/slide17.xml"/>
  <Override ContentType="application/vnd.openxmlformats-officedocument.presentationml.slide+xml" PartName="/ppt/slides/slide42.xml"/>
  <Override ContentType="application/vnd.openxmlformats-officedocument.presentationml.slide+xml" PartName="/ppt/slides/slide25.xml"/>
  <Override ContentType="application/vnd.openxmlformats-officedocument.presentationml.slide+xml" PartName="/ppt/slides/slide50.xml"/>
  <Override ContentType="application/vnd.openxmlformats-officedocument.presentationml.slide+xml" PartName="/ppt/slides/slide34.xml"/>
  <Override ContentType="application/vnd.openxmlformats-officedocument.presentationml.slide+xml" PartName="/ppt/slides/slide33.xml"/>
  <Override ContentType="application/vnd.openxmlformats-officedocument.presentationml.slide+xml" PartName="/ppt/slides/slide51.xml"/>
  <Override ContentType="application/vnd.openxmlformats-officedocument.presentationml.slide+xml" PartName="/ppt/slides/slide16.xml"/>
  <Override ContentType="application/vnd.openxmlformats-officedocument.presentationml.slide+xml" PartName="/ppt/slides/slide68.xml"/>
  <Override ContentType="application/vnd.openxmlformats-officedocument.presentationml.slide+xml" PartName="/ppt/slides/slide24.xml"/>
  <Override ContentType="application/vnd.openxmlformats-officedocument.presentationml.slide+xml" PartName="/ppt/slides/slide11.xml"/>
  <Override ContentType="application/vnd.openxmlformats-officedocument.presentationml.slide+xml" PartName="/ppt/slides/slide37.xml"/>
  <Override ContentType="application/vnd.openxmlformats-officedocument.presentationml.slide+xml" PartName="/ppt/slides/slide71.xml"/>
  <Override ContentType="application/vnd.openxmlformats-officedocument.presentationml.slide+xml" PartName="/ppt/slides/slide41.xml"/>
  <Override ContentType="application/vnd.openxmlformats-officedocument.presentationml.slide+xml" PartName="/ppt/slides/slide67.xml"/>
  <Override ContentType="application/vnd.openxmlformats-officedocument.presentationml.slide+xml" PartName="/ppt/slides/slide7.xml"/>
  <Override ContentType="application/vnd.openxmlformats-officedocument.presentationml.slide+xml" PartName="/ppt/slides/slide54.xml"/>
  <Override ContentType="application/vnd.openxmlformats-officedocument.presentationml.slide+xml" PartName="/ppt/slides/slide36.xml"/>
  <Override ContentType="application/vnd.openxmlformats-officedocument.presentationml.slide+xml" PartName="/ppt/slides/slide66.xml"/>
  <Override ContentType="application/vnd.openxmlformats-officedocument.presentationml.slide+xml" PartName="/ppt/slides/slide23.xml"/>
  <Override ContentType="application/vnd.openxmlformats-officedocument.presentationml.slide+xml" PartName="/ppt/slides/slide49.xml"/>
  <Override ContentType="application/vnd.openxmlformats-officedocument.presentationml.slide+xml" PartName="/ppt/slides/slide10.xml"/>
  <Override ContentType="application/vnd.openxmlformats-officedocument.presentationml.slide+xml" PartName="/ppt/slides/slide70.xml"/>
  <Override ContentType="application/vnd.openxmlformats-officedocument.presentationml.slide+xml" PartName="/ppt/slides/slide6.xml"/>
  <Override ContentType="application/vnd.openxmlformats-officedocument.presentationml.slide+xml" PartName="/ppt/slides/slide53.xml"/>
  <Override ContentType="application/vnd.openxmlformats-officedocument.presentationml.slide+xml" PartName="/ppt/slides/slide40.xml"/>
  <Override ContentType="application/vnd.openxmlformats-officedocument.presentationml.slide+xml" PartName="/ppt/slides/slide48.xml"/>
  <Override ContentType="application/vnd.openxmlformats-officedocument.presentationml.slide+xml" PartName="/ppt/slides/slide30.xml"/>
  <Override ContentType="application/vnd.openxmlformats-officedocument.presentationml.slide+xml" PartName="/ppt/slides/slide22.xml"/>
  <Override ContentType="application/vnd.openxmlformats-officedocument.presentationml.slide+xml" PartName="/ppt/slides/slide39.xml"/>
  <Override ContentType="application/vnd.openxmlformats-officedocument.presentationml.slide+xml" PartName="/ppt/slides/slide65.xml"/>
  <Override ContentType="application/vnd.openxmlformats-officedocument.presentationml.slide+xml" PartName="/ppt/slides/slide9.xml"/>
  <Override ContentType="application/vnd.openxmlformats-officedocument.presentationml.slide+xml" PartName="/ppt/slides/slide13.xml"/>
  <Override ContentType="application/vnd.openxmlformats-officedocument.presentationml.slide+xml" PartName="/ppt/slides/slide56.xml"/>
  <Override ContentType="application/vnd.openxmlformats-officedocument.presentationml.slide+xml" PartName="/ppt/slides/slide12.xml"/>
  <Override ContentType="application/vnd.openxmlformats-officedocument.presentationml.slide+xml" PartName="/ppt/slides/slide47.xml"/>
  <Override ContentType="application/vnd.openxmlformats-officedocument.presentationml.slide+xml" PartName="/ppt/slides/slide20.xml"/>
  <Override ContentType="application/vnd.openxmlformats-officedocument.presentationml.slide+xml" PartName="/ppt/slides/slide21.xml"/>
  <Override ContentType="application/vnd.openxmlformats-officedocument.presentationml.slide+xml" PartName="/ppt/slides/slide38.xml"/>
  <Override ContentType="application/vnd.openxmlformats-officedocument.presentationml.slide+xml" PartName="/ppt/slides/slide46.xml"/>
  <Override ContentType="application/vnd.openxmlformats-officedocument.presentationml.slide+xml" PartName="/ppt/slides/slide64.xml"/>
  <Override ContentType="application/vnd.openxmlformats-officedocument.presentationml.slide+xml" PartName="/ppt/slides/slide8.xml"/>
  <Override ContentType="application/vnd.openxmlformats-officedocument.presentationml.slide+xml" PartName="/ppt/slides/slide55.xml"/>
  <Override ContentType="application/vnd.openxmlformats-officedocument.presentationml.slide+xml" PartName="/ppt/slides/slide29.xml"/>
  <Override ContentType="application/vnd.openxmlformats-officedocument.presentationml.slide+xml" PartName="/ppt/slides/slide59.xml"/>
  <Override ContentType="application/vnd.openxmlformats-officedocument.presentationml.slide+xml" PartName="/ppt/slides/slide32.xml"/>
  <Override ContentType="application/vnd.openxmlformats-officedocument.presentationml.slide+xml" PartName="/ppt/slides/slide62.xml"/>
  <Override ContentType="application/vnd.openxmlformats-officedocument.presentationml.slide+xml" PartName="/ppt/slides/slide1.xml"/>
  <Override ContentType="application/vnd.openxmlformats-officedocument.presentationml.slide+xml" PartName="/ppt/slides/slide58.xml"/>
  <Override ContentType="application/vnd.openxmlformats-officedocument.presentationml.slide+xml" PartName="/ppt/slides/slide63.xml"/>
  <Override ContentType="application/vnd.openxmlformats-officedocument.presentationml.slide+xml" PartName="/ppt/slides/slide45.xml"/>
  <Override ContentType="application/vnd.openxmlformats-officedocument.presentationml.slide+xml" PartName="/ppt/slides/slide28.xml"/>
  <Override ContentType="application/vnd.openxmlformats-officedocument.presentationml.slide+xml" PartName="/ppt/slides/slide15.xml"/>
  <Override ContentType="application/vnd.openxmlformats-officedocument.presentationml.slide+xml" PartName="/ppt/slides/slide61.xml"/>
  <Override ContentType="application/vnd.openxmlformats-officedocument.presentationml.slide+xml" PartName="/ppt/slides/slide31.xml"/>
  <Override ContentType="application/vnd.openxmlformats-officedocument.presentationml.slide+xml" PartName="/ppt/slides/slide27.xml"/>
  <Override ContentType="application/vnd.openxmlformats-officedocument.presentationml.slide+xml" PartName="/ppt/slides/slide57.xml"/>
  <Override ContentType="application/vnd.openxmlformats-officedocument.presentationml.slide+xml" PartName="/ppt/slides/slide2.xml"/>
  <Override ContentType="application/vnd.openxmlformats-officedocument.presentationml.slide+xml" PartName="/ppt/slides/slide44.xml"/>
  <Override ContentType="application/vnd.openxmlformats-officedocument.presentationml.slide+xml" PartName="/ppt/slides/slide14.xml"/>
  <Override ContentType="application/vnd.openxmlformats-officedocument.presentationml.notesMaster+xml" PartName="/ppt/notesMasters/notesMaster1.xml"/>
  <Override ContentType="application/vnd.openxmlformats-package.core-properties+xml" PartName="/docProps/core.xml"/>
  <Override ContentType="application/vnd.openxmlformats-officedocument.presentationml.presentation.main+xml" PartName="/ppt/presentation.xml"/>
  <Override ContentType="application/vnd.openxmlformats-officedocument.presentationml.presProps+xml" PartName="/ppt/presProps.xml"/>
  <Override ContentType="application/vnd.openxmlformats-officedocument.theme+xml" PartName="/ppt/theme/theme1.xml"/>
  <Override ContentType="application/vnd.openxmlformats-officedocument.theme+xml" PartName="/ppt/theme/theme2.xml"/>
  <Override ContentType="application/vnd.openxmlformats-officedocument.presentationml.viewProps+xml" PartName="/ppt/viewProps.xml"/>
</Types>
</file>

<file path=_rels/.rels><?xml version="1.0" encoding="UTF-8" standalone="yes"?><Relationships xmlns="http://schemas.openxmlformats.org/package/2006/relationships"><Relationship Id="rId1" Type="http://schemas.openxmlformats.org/package/2006/relationships/metadata/core-properties" Target="docProps/core.xml"/><Relationship Id="rId2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autoCompressPictures="0" embedTrueTypeFonts="1" strictFirstAndLastChars="0" saveSubsetFonts="1">
  <p:sldMasterIdLst>
    <p:sldMasterId id="2147483648" r:id="rId4"/>
  </p:sldMasterIdLst>
  <p:notesMasterIdLst>
    <p:notesMasterId r:id="rId5"/>
  </p:notesMasterIdLst>
  <p:sldIdLst>
    <p:sldId id="256" r:id="rId6"/>
    <p:sldId id="257" r:id="rId7"/>
    <p:sldId id="258" r:id="rId8"/>
    <p:sldId id="259" r:id="rId9"/>
    <p:sldId id="260" r:id="rId10"/>
    <p:sldId id="261" r:id="rId11"/>
    <p:sldId id="262" r:id="rId12"/>
    <p:sldId id="263" r:id="rId13"/>
    <p:sldId id="264" r:id="rId14"/>
    <p:sldId id="265" r:id="rId15"/>
    <p:sldId id="266" r:id="rId16"/>
    <p:sldId id="267" r:id="rId17"/>
    <p:sldId id="268" r:id="rId18"/>
    <p:sldId id="269" r:id="rId19"/>
    <p:sldId id="270" r:id="rId20"/>
    <p:sldId id="271" r:id="rId21"/>
    <p:sldId id="272" r:id="rId22"/>
    <p:sldId id="273" r:id="rId23"/>
    <p:sldId id="274" r:id="rId24"/>
    <p:sldId id="275" r:id="rId25"/>
    <p:sldId id="276" r:id="rId26"/>
    <p:sldId id="277" r:id="rId27"/>
    <p:sldId id="278" r:id="rId28"/>
    <p:sldId id="279" r:id="rId29"/>
    <p:sldId id="280" r:id="rId30"/>
    <p:sldId id="281" r:id="rId31"/>
    <p:sldId id="282" r:id="rId32"/>
    <p:sldId id="283" r:id="rId33"/>
    <p:sldId id="284" r:id="rId34"/>
    <p:sldId id="285" r:id="rId35"/>
    <p:sldId id="286" r:id="rId36"/>
    <p:sldId id="287" r:id="rId37"/>
    <p:sldId id="288" r:id="rId38"/>
    <p:sldId id="289" r:id="rId39"/>
    <p:sldId id="290" r:id="rId40"/>
    <p:sldId id="291" r:id="rId41"/>
    <p:sldId id="292" r:id="rId42"/>
    <p:sldId id="293" r:id="rId43"/>
    <p:sldId id="294" r:id="rId44"/>
    <p:sldId id="295" r:id="rId45"/>
    <p:sldId id="296" r:id="rId46"/>
    <p:sldId id="297" r:id="rId47"/>
    <p:sldId id="298" r:id="rId48"/>
    <p:sldId id="299" r:id="rId49"/>
    <p:sldId id="300" r:id="rId50"/>
    <p:sldId id="301" r:id="rId51"/>
    <p:sldId id="302" r:id="rId52"/>
    <p:sldId id="303" r:id="rId53"/>
    <p:sldId id="304" r:id="rId54"/>
    <p:sldId id="305" r:id="rId55"/>
    <p:sldId id="306" r:id="rId56"/>
    <p:sldId id="307" r:id="rId57"/>
    <p:sldId id="308" r:id="rId58"/>
    <p:sldId id="309" r:id="rId59"/>
    <p:sldId id="310" r:id="rId60"/>
    <p:sldId id="311" r:id="rId61"/>
    <p:sldId id="312" r:id="rId62"/>
    <p:sldId id="313" r:id="rId63"/>
    <p:sldId id="314" r:id="rId64"/>
    <p:sldId id="315" r:id="rId65"/>
    <p:sldId id="316" r:id="rId66"/>
    <p:sldId id="317" r:id="rId67"/>
    <p:sldId id="318" r:id="rId68"/>
    <p:sldId id="319" r:id="rId69"/>
    <p:sldId id="320" r:id="rId70"/>
    <p:sldId id="321" r:id="rId71"/>
    <p:sldId id="322" r:id="rId72"/>
    <p:sldId id="323" r:id="rId73"/>
    <p:sldId id="324" r:id="rId74"/>
    <p:sldId id="325" r:id="rId75"/>
    <p:sldId id="326" r:id="rId76"/>
  </p:sldIdLst>
  <p:sldSz cy="6858000" cx="12192000"/>
  <p:notesSz cx="6858000" cy="9144000"/>
  <p:embeddedFontLst>
    <p:embeddedFont>
      <p:font typeface="Roboto"/>
      <p:regular r:id="rId77"/>
      <p:bold r:id="rId78"/>
      <p:italic r:id="rId79"/>
      <p:boldItalic r:id="rId80"/>
    </p:embeddedFont>
    <p:embeddedFont>
      <p:font typeface="Noto Sans"/>
      <p:regular r:id="rId81"/>
      <p:bold r:id="rId82"/>
      <p:italic r:id="rId83"/>
      <p:boldItalic r:id="rId84"/>
    </p:embeddedFont>
    <p:embeddedFont>
      <p:font typeface="Philosopher"/>
      <p:regular r:id="rId85"/>
      <p:bold r:id="rId86"/>
      <p:italic r:id="rId87"/>
      <p:boldItalic r:id="rId88"/>
    </p:embeddedFont>
  </p:embeddedFontLst>
  <p:defaultText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GoogleSlidesCustomDataVersion2">
      <go:slidesCustomData xmlns:go="http://customooxmlschemas.google.com/" r:id="rId89" roundtripDataSignature="AMtx7mgwqBf3k4PPcgSNNcvV7cWbuUQKpw==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/>
</file>

<file path=ppt/viewProps.xml><?xml version="1.0" encoding="utf-8"?>
<p:viewP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Comments="0">
  <p:slideViewPr>
    <p:cSldViewPr snapToGrid="0">
      <p:cViewPr varScale="1">
        <p:scale>
          <a:sx n="100" d="100"/>
          <a:sy n="100" d="100"/>
        </p:scale>
        <p:origin x="0" y="0"/>
      </p:cViewPr>
      <p:guideLst>
        <p:guide pos="2160" orient="horz"/>
        <p:guide pos="3840"/>
      </p:guideLst>
    </p:cSldViewPr>
  </p:slideViewPr>
</p:viewPr>
</file>

<file path=ppt/_rels/presentation.xml.rels><?xml version="1.0" encoding="UTF-8" standalone="yes"?><Relationships xmlns="http://schemas.openxmlformats.org/package/2006/relationships"><Relationship Id="rId40" Type="http://schemas.openxmlformats.org/officeDocument/2006/relationships/slide" Target="slides/slide35.xml"/><Relationship Id="rId84" Type="http://schemas.openxmlformats.org/officeDocument/2006/relationships/font" Target="fonts/NotoSans-boldItalic.fntdata"/><Relationship Id="rId83" Type="http://schemas.openxmlformats.org/officeDocument/2006/relationships/font" Target="fonts/NotoSans-italic.fntdata"/><Relationship Id="rId42" Type="http://schemas.openxmlformats.org/officeDocument/2006/relationships/slide" Target="slides/slide37.xml"/><Relationship Id="rId86" Type="http://schemas.openxmlformats.org/officeDocument/2006/relationships/font" Target="fonts/Philosopher-bold.fntdata"/><Relationship Id="rId41" Type="http://schemas.openxmlformats.org/officeDocument/2006/relationships/slide" Target="slides/slide36.xml"/><Relationship Id="rId85" Type="http://schemas.openxmlformats.org/officeDocument/2006/relationships/font" Target="fonts/Philosopher-regular.fntdata"/><Relationship Id="rId44" Type="http://schemas.openxmlformats.org/officeDocument/2006/relationships/slide" Target="slides/slide39.xml"/><Relationship Id="rId88" Type="http://schemas.openxmlformats.org/officeDocument/2006/relationships/font" Target="fonts/Philosopher-boldItalic.fntdata"/><Relationship Id="rId43" Type="http://schemas.openxmlformats.org/officeDocument/2006/relationships/slide" Target="slides/slide38.xml"/><Relationship Id="rId87" Type="http://schemas.openxmlformats.org/officeDocument/2006/relationships/font" Target="fonts/Philosopher-italic.fntdata"/><Relationship Id="rId46" Type="http://schemas.openxmlformats.org/officeDocument/2006/relationships/slide" Target="slides/slide41.xml"/><Relationship Id="rId45" Type="http://schemas.openxmlformats.org/officeDocument/2006/relationships/slide" Target="slides/slide40.xml"/><Relationship Id="rId89" Type="http://customschemas.google.com/relationships/presentationmetadata" Target="metadata"/><Relationship Id="rId80" Type="http://schemas.openxmlformats.org/officeDocument/2006/relationships/font" Target="fonts/Roboto-boldItalic.fntdata"/><Relationship Id="rId82" Type="http://schemas.openxmlformats.org/officeDocument/2006/relationships/font" Target="fonts/NotoSans-bold.fntdata"/><Relationship Id="rId81" Type="http://schemas.openxmlformats.org/officeDocument/2006/relationships/font" Target="fonts/NotoSans-regular.fntdata"/><Relationship Id="rId1" Type="http://schemas.openxmlformats.org/officeDocument/2006/relationships/theme" Target="theme/theme2.xml"/><Relationship Id="rId2" Type="http://schemas.openxmlformats.org/officeDocument/2006/relationships/viewProps" Target="viewProps.xml"/><Relationship Id="rId3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48" Type="http://schemas.openxmlformats.org/officeDocument/2006/relationships/slide" Target="slides/slide43.xml"/><Relationship Id="rId47" Type="http://schemas.openxmlformats.org/officeDocument/2006/relationships/slide" Target="slides/slide42.xml"/><Relationship Id="rId49" Type="http://schemas.openxmlformats.org/officeDocument/2006/relationships/slide" Target="slides/slide44.xml"/><Relationship Id="rId5" Type="http://schemas.openxmlformats.org/officeDocument/2006/relationships/notesMaster" Target="notesMasters/notesMaster1.xml"/><Relationship Id="rId6" Type="http://schemas.openxmlformats.org/officeDocument/2006/relationships/slide" Target="slides/slide1.xml"/><Relationship Id="rId7" Type="http://schemas.openxmlformats.org/officeDocument/2006/relationships/slide" Target="slides/slide2.xml"/><Relationship Id="rId8" Type="http://schemas.openxmlformats.org/officeDocument/2006/relationships/slide" Target="slides/slide3.xml"/><Relationship Id="rId73" Type="http://schemas.openxmlformats.org/officeDocument/2006/relationships/slide" Target="slides/slide68.xml"/><Relationship Id="rId72" Type="http://schemas.openxmlformats.org/officeDocument/2006/relationships/slide" Target="slides/slide67.xml"/><Relationship Id="rId31" Type="http://schemas.openxmlformats.org/officeDocument/2006/relationships/slide" Target="slides/slide26.xml"/><Relationship Id="rId75" Type="http://schemas.openxmlformats.org/officeDocument/2006/relationships/slide" Target="slides/slide70.xml"/><Relationship Id="rId30" Type="http://schemas.openxmlformats.org/officeDocument/2006/relationships/slide" Target="slides/slide25.xml"/><Relationship Id="rId74" Type="http://schemas.openxmlformats.org/officeDocument/2006/relationships/slide" Target="slides/slide69.xml"/><Relationship Id="rId33" Type="http://schemas.openxmlformats.org/officeDocument/2006/relationships/slide" Target="slides/slide28.xml"/><Relationship Id="rId77" Type="http://schemas.openxmlformats.org/officeDocument/2006/relationships/font" Target="fonts/Roboto-regular.fntdata"/><Relationship Id="rId32" Type="http://schemas.openxmlformats.org/officeDocument/2006/relationships/slide" Target="slides/slide27.xml"/><Relationship Id="rId76" Type="http://schemas.openxmlformats.org/officeDocument/2006/relationships/slide" Target="slides/slide71.xml"/><Relationship Id="rId35" Type="http://schemas.openxmlformats.org/officeDocument/2006/relationships/slide" Target="slides/slide30.xml"/><Relationship Id="rId79" Type="http://schemas.openxmlformats.org/officeDocument/2006/relationships/font" Target="fonts/Roboto-italic.fntdata"/><Relationship Id="rId34" Type="http://schemas.openxmlformats.org/officeDocument/2006/relationships/slide" Target="slides/slide29.xml"/><Relationship Id="rId78" Type="http://schemas.openxmlformats.org/officeDocument/2006/relationships/font" Target="fonts/Roboto-bold.fntdata"/><Relationship Id="rId71" Type="http://schemas.openxmlformats.org/officeDocument/2006/relationships/slide" Target="slides/slide66.xml"/><Relationship Id="rId70" Type="http://schemas.openxmlformats.org/officeDocument/2006/relationships/slide" Target="slides/slide65.xml"/><Relationship Id="rId37" Type="http://schemas.openxmlformats.org/officeDocument/2006/relationships/slide" Target="slides/slide32.xml"/><Relationship Id="rId36" Type="http://schemas.openxmlformats.org/officeDocument/2006/relationships/slide" Target="slides/slide31.xml"/><Relationship Id="rId39" Type="http://schemas.openxmlformats.org/officeDocument/2006/relationships/slide" Target="slides/slide34.xml"/><Relationship Id="rId38" Type="http://schemas.openxmlformats.org/officeDocument/2006/relationships/slide" Target="slides/slide33.xml"/><Relationship Id="rId62" Type="http://schemas.openxmlformats.org/officeDocument/2006/relationships/slide" Target="slides/slide57.xml"/><Relationship Id="rId61" Type="http://schemas.openxmlformats.org/officeDocument/2006/relationships/slide" Target="slides/slide56.xml"/><Relationship Id="rId20" Type="http://schemas.openxmlformats.org/officeDocument/2006/relationships/slide" Target="slides/slide15.xml"/><Relationship Id="rId64" Type="http://schemas.openxmlformats.org/officeDocument/2006/relationships/slide" Target="slides/slide59.xml"/><Relationship Id="rId63" Type="http://schemas.openxmlformats.org/officeDocument/2006/relationships/slide" Target="slides/slide58.xml"/><Relationship Id="rId22" Type="http://schemas.openxmlformats.org/officeDocument/2006/relationships/slide" Target="slides/slide17.xml"/><Relationship Id="rId66" Type="http://schemas.openxmlformats.org/officeDocument/2006/relationships/slide" Target="slides/slide61.xml"/><Relationship Id="rId21" Type="http://schemas.openxmlformats.org/officeDocument/2006/relationships/slide" Target="slides/slide16.xml"/><Relationship Id="rId65" Type="http://schemas.openxmlformats.org/officeDocument/2006/relationships/slide" Target="slides/slide60.xml"/><Relationship Id="rId24" Type="http://schemas.openxmlformats.org/officeDocument/2006/relationships/slide" Target="slides/slide19.xml"/><Relationship Id="rId68" Type="http://schemas.openxmlformats.org/officeDocument/2006/relationships/slide" Target="slides/slide63.xml"/><Relationship Id="rId23" Type="http://schemas.openxmlformats.org/officeDocument/2006/relationships/slide" Target="slides/slide18.xml"/><Relationship Id="rId67" Type="http://schemas.openxmlformats.org/officeDocument/2006/relationships/slide" Target="slides/slide62.xml"/><Relationship Id="rId60" Type="http://schemas.openxmlformats.org/officeDocument/2006/relationships/slide" Target="slides/slide55.xml"/><Relationship Id="rId26" Type="http://schemas.openxmlformats.org/officeDocument/2006/relationships/slide" Target="slides/slide21.xml"/><Relationship Id="rId25" Type="http://schemas.openxmlformats.org/officeDocument/2006/relationships/slide" Target="slides/slide20.xml"/><Relationship Id="rId69" Type="http://schemas.openxmlformats.org/officeDocument/2006/relationships/slide" Target="slides/slide64.xml"/><Relationship Id="rId28" Type="http://schemas.openxmlformats.org/officeDocument/2006/relationships/slide" Target="slides/slide23.xml"/><Relationship Id="rId27" Type="http://schemas.openxmlformats.org/officeDocument/2006/relationships/slide" Target="slides/slide22.xml"/><Relationship Id="rId29" Type="http://schemas.openxmlformats.org/officeDocument/2006/relationships/slide" Target="slides/slide24.xml"/><Relationship Id="rId51" Type="http://schemas.openxmlformats.org/officeDocument/2006/relationships/slide" Target="slides/slide46.xml"/><Relationship Id="rId50" Type="http://schemas.openxmlformats.org/officeDocument/2006/relationships/slide" Target="slides/slide45.xml"/><Relationship Id="rId53" Type="http://schemas.openxmlformats.org/officeDocument/2006/relationships/slide" Target="slides/slide48.xml"/><Relationship Id="rId52" Type="http://schemas.openxmlformats.org/officeDocument/2006/relationships/slide" Target="slides/slide47.xml"/><Relationship Id="rId11" Type="http://schemas.openxmlformats.org/officeDocument/2006/relationships/slide" Target="slides/slide6.xml"/><Relationship Id="rId55" Type="http://schemas.openxmlformats.org/officeDocument/2006/relationships/slide" Target="slides/slide50.xml"/><Relationship Id="rId10" Type="http://schemas.openxmlformats.org/officeDocument/2006/relationships/slide" Target="slides/slide5.xml"/><Relationship Id="rId54" Type="http://schemas.openxmlformats.org/officeDocument/2006/relationships/slide" Target="slides/slide49.xml"/><Relationship Id="rId13" Type="http://schemas.openxmlformats.org/officeDocument/2006/relationships/slide" Target="slides/slide8.xml"/><Relationship Id="rId57" Type="http://schemas.openxmlformats.org/officeDocument/2006/relationships/slide" Target="slides/slide52.xml"/><Relationship Id="rId12" Type="http://schemas.openxmlformats.org/officeDocument/2006/relationships/slide" Target="slides/slide7.xml"/><Relationship Id="rId56" Type="http://schemas.openxmlformats.org/officeDocument/2006/relationships/slide" Target="slides/slide51.xml"/><Relationship Id="rId15" Type="http://schemas.openxmlformats.org/officeDocument/2006/relationships/slide" Target="slides/slide10.xml"/><Relationship Id="rId59" Type="http://schemas.openxmlformats.org/officeDocument/2006/relationships/slide" Target="slides/slide54.xml"/><Relationship Id="rId14" Type="http://schemas.openxmlformats.org/officeDocument/2006/relationships/slide" Target="slides/slide9.xml"/><Relationship Id="rId58" Type="http://schemas.openxmlformats.org/officeDocument/2006/relationships/slide" Target="slides/slide53.xml"/><Relationship Id="rId17" Type="http://schemas.openxmlformats.org/officeDocument/2006/relationships/slide" Target="slides/slide12.xml"/><Relationship Id="rId16" Type="http://schemas.openxmlformats.org/officeDocument/2006/relationships/slide" Target="slides/slide11.xml"/><Relationship Id="rId19" Type="http://schemas.openxmlformats.org/officeDocument/2006/relationships/slide" Target="slides/slide14.xml"/><Relationship Id="rId18" Type="http://schemas.openxmlformats.org/officeDocument/2006/relationships/slide" Target="slides/slide13.xml"/></Relationships>
</file>

<file path=ppt/notesMasters/_rels/notesMaster1.xml.rels><?xml version="1.0" encoding="UTF-8" standalone="yes"?><Relationships xmlns="http://schemas.openxmlformats.org/package/2006/relationships"><Relationship Id="rId1" Type="http://schemas.openxmlformats.org/officeDocument/2006/relationships/theme" Target="../theme/theme1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chemeClr val="lt1"/>
        </a:solidFill>
      </p:bgPr>
    </p:bg>
    <p:spTree>
      <p:nvGrpSpPr>
        <p:cNvPr id="2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/>
          <p:nvPr>
            <p:ph idx="2" type="sldImg"/>
          </p:nvPr>
        </p:nvSpPr>
        <p:spPr>
          <a:xfrm>
            <a:off x="1143225" y="685800"/>
            <a:ext cx="4572225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4" name="Google Shape;4;n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>
            <a:lvl1pPr indent="-298450" lvl="0" marL="4572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●"/>
              <a:defRPr b="0" i="0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1pPr>
            <a:lvl2pPr indent="-298450" lvl="1" marL="9144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○"/>
              <a:defRPr b="0" i="0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indent="-298450" lvl="2" marL="13716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■"/>
              <a:defRPr b="0" i="0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indent="-298450" lvl="3" marL="18288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●"/>
              <a:defRPr b="0" i="0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indent="-298450" lvl="4" marL="22860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○"/>
              <a:defRPr b="0" i="0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indent="-298450" lvl="5" marL="27432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■"/>
              <a:defRPr b="0" i="0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indent="-298450" lvl="6" marL="32004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●"/>
              <a:defRPr b="0" i="0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indent="-298450" lvl="7" marL="36576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○"/>
              <a:defRPr b="0" i="0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indent="-298450" lvl="8" marL="41148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■"/>
              <a:defRPr b="0" i="0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/>
        </p:txBody>
      </p:sp>
    </p:spTree>
  </p:cSld>
  <p:clrMap accent1="accent1" accent2="accent2" accent3="accent3" accent4="accent4" accent5="accent5" accent6="accent6" bg1="lt1" bg2="dk2" tx1="dk1" tx2="lt2" folHlink="folHlink" hlink="hlink"/>
  <p:notes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7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7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3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  <p:sp>
        <p:nvSpPr>
          <p:cNvPr id="35" name="Google Shape;35;p1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75" name="Shape 1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6" name="Google Shape;176;p1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Dodijeljeno vrijeme: 30 minut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Ovaj ledolomac neće samo pomoći sudionicima da se upoznaju s digitalnim alatima koje mogu koristiti za stvaranje resursa za mikro učenje, već i za poticanje izgradnje tima i komunikacijskih vještina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Upotrijebite ovaj popis digitalnih alata, platformi ili aplikacija. Svaki tim trebao bi dobiti najmanje 3 stavke.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rtikulirajte 360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Genijalno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Mentimeta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reator Docebo sadržaj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77" name="Google Shape;177;p10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89" name="Shape 18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0" name="Google Shape;190;p1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Dodijeljeno vrijeme: 30 minut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Ovaj ledolomac neće samo pomoći sudionicima da se upoznaju s digitalnim alatima koje mogu koristiti za stvaranje resursa za mikro učenje, već i za poticanje izgradnje tima i komunikacijskih vještina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Upotrijebite ovaj popis digitalnih alata, platformi ili aplikacija. Svaki tim trebao bi dobiti najmanje 3 stavke.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rtikulirajte 360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Genijalno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Mentimeta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reator Docebo sadržaj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91" name="Google Shape;191;p11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00" name="Shape 20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1" name="Google Shape;201;p1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b="0" i="0" lang="en-US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rPr>
              <a:t>Dodijeljeno vrijeme: 25 minuta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  <p:sp>
        <p:nvSpPr>
          <p:cNvPr id="202" name="Google Shape;202;p12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09" name="Shape 2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0" name="Google Shape;210;p13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11" name="Google Shape;211;p13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28" name="Shape 2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9" name="Google Shape;229;p1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30" name="Google Shape;230;p14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48" name="Shape 2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9" name="Google Shape;249;p1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50" name="Google Shape;250;p15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68" name="Shape 26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9" name="Google Shape;269;p1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70" name="Google Shape;270;p16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81" name="Shape 2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2" name="Google Shape;282;p1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83" name="Google Shape;283;p17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94" name="Shape 2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5" name="Google Shape;295;p18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96" name="Google Shape;296;p18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07" name="Shape 30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8" name="Google Shape;308;p19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09" name="Google Shape;309;p19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3" name="Shape 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Google Shape;44;p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b="0" i="0" lang="en-US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rPr>
              <a:t>1 akademski sat = 45 minuta</a:t>
            </a:r>
            <a:endParaRPr/>
          </a:p>
        </p:txBody>
      </p:sp>
      <p:sp>
        <p:nvSpPr>
          <p:cNvPr id="45" name="Google Shape;45;p2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20" name="Shape 3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1" name="Google Shape;321;p2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22" name="Google Shape;322;p20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33" name="Shape 3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4" name="Google Shape;334;p2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35" name="Google Shape;335;p21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46" name="Shape 3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7" name="Google Shape;347;p2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48" name="Google Shape;348;p22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59" name="Shape 3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0" name="Google Shape;360;p23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61" name="Google Shape;361;p23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72" name="Shape 3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3" name="Google Shape;373;p2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74" name="Google Shape;374;p24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85" name="Shape 38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6" name="Google Shape;386;p2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b="0" i="0" lang="en-US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rPr>
              <a:t>Dodijeljeno vrijeme: 150 minuta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  <p:sp>
        <p:nvSpPr>
          <p:cNvPr id="387" name="Google Shape;387;p25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94" name="Shape 3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5" name="Google Shape;395;p2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96" name="Google Shape;396;p26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09" name="Shape 4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0" name="Google Shape;410;p2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11" name="Google Shape;411;p27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22" name="Shape 4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3" name="Google Shape;423;p28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24" name="Google Shape;424;p28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35" name="Shape 4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6" name="Google Shape;436;p29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37" name="Google Shape;437;p29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" name="Google Shape;62;p3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  <p:sp>
        <p:nvSpPr>
          <p:cNvPr id="63" name="Google Shape;63;p3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58" name="Shape 4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9" name="Google Shape;459;p3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Upotrijebite ovaj popis digitalnih alata, platformi ili aplikacija. Neki od njih upoznaju se s videozapisom. Možete ih pronaći na slajdovima 20 do 28.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rtikulirajte 360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Genijalno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Mentimeta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reator Docebo sadržaj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60" name="Google Shape;460;p30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71" name="Shape 4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2" name="Google Shape;472;p3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Dodijeljeno vrijeme: 30 minut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Ovaj ledolomac neće samo pomoći sudionicima da se upoznaju s digitalnim alatima koje mogu koristiti za stvaranje resursa za mikro učenje, već i za poticanje izgradnje tima i komunikacijskih vještina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Upotrijebite ovaj popis digitalnih alata, platformi ili aplikacija. Svaki tim trebao bi dobiti najmanje 3 stavke.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rtikulirajte 360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Genijalno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Mentimeta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reator Docebo sadržaj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73" name="Google Shape;473;p31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82" name="Shape 48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3" name="Google Shape;483;p32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484" name="Google Shape;484;p3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-2286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91" name="Shape 49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2" name="Google Shape;492;p33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b="0" i="0" lang="en-US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rPr>
              <a:t>Dodijeljeno vrijeme: 35 minuta</a:t>
            </a:r>
            <a:endParaRPr/>
          </a:p>
        </p:txBody>
      </p:sp>
      <p:sp>
        <p:nvSpPr>
          <p:cNvPr id="493" name="Google Shape;493;p33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500" name="Shape 50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" name="Google Shape;501;p3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02" name="Google Shape;502;p34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515" name="Shape 5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6" name="Google Shape;516;p3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17" name="Google Shape;517;p35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527" name="Shape 5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8" name="Google Shape;528;p3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9" name="Google Shape;529;p36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543" name="Shape 5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4" name="Google Shape;544;p3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45" name="Google Shape;545;p37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559" name="Shape 5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0" name="Google Shape;560;p38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  <p:sp>
        <p:nvSpPr>
          <p:cNvPr id="561" name="Google Shape;561;p38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05" name="Shape 6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6" name="Google Shape;606;p39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07" name="Google Shape;607;p39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4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p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b="0" i="0" lang="en-US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rPr>
              <a:t>Dodijeljeno vrijeme: 30 minuta</a:t>
            </a:r>
            <a:endParaRPr/>
          </a:p>
        </p:txBody>
      </p:sp>
      <p:sp>
        <p:nvSpPr>
          <p:cNvPr id="86" name="Google Shape;86;p4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18" name="Shape 6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9" name="Google Shape;619;p4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b="0" i="0" lang="en-US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rPr>
              <a:t>Dodijeljeno vrijeme: 35 minuta</a:t>
            </a:r>
            <a:endParaRPr/>
          </a:p>
        </p:txBody>
      </p:sp>
      <p:sp>
        <p:nvSpPr>
          <p:cNvPr id="620" name="Google Shape;620;p40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27" name="Shape 6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8" name="Google Shape;628;p4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29" name="Google Shape;629;p41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42" name="Shape 64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3" name="Google Shape;643;p4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44" name="Google Shape;644;p42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54" name="Shape 65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" name="Google Shape;655;p43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56" name="Google Shape;656;p43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66" name="Shape 66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7" name="Google Shape;667;p4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68" name="Google Shape;668;p44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78" name="Shape 67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9" name="Google Shape;679;p4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80" name="Google Shape;680;p45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690" name="Shape 6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1" name="Google Shape;691;p4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92" name="Google Shape;692;p46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702" name="Shape 70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3" name="Google Shape;703;p4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04" name="Google Shape;704;p47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715" name="Shape 7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" name="Google Shape;716;p48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17" name="Google Shape;717;p48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728" name="Shape 7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9" name="Google Shape;729;p49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30" name="Google Shape;730;p49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3" name="Shape 9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" name="Google Shape;94;p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  <p:sp>
        <p:nvSpPr>
          <p:cNvPr id="95" name="Google Shape;95;p5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742" name="Shape 74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3" name="Google Shape;743;p5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44" name="Google Shape;744;p50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770" name="Shape 7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1" name="Google Shape;771;p5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b="0" i="0" lang="en-US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rPr>
              <a:t>Dodijeljeno vrijeme: 35 minuta</a:t>
            </a:r>
            <a:endParaRPr/>
          </a:p>
        </p:txBody>
      </p:sp>
      <p:sp>
        <p:nvSpPr>
          <p:cNvPr id="772" name="Google Shape;772;p51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779" name="Shape 77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0" name="Google Shape;780;p5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81" name="Google Shape;781;p52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794" name="Shape 7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5" name="Google Shape;795;p53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96" name="Google Shape;796;p53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04" name="Shape 8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05" name="Google Shape;805;p5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06" name="Google Shape;806;p54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17" name="Shape 8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8" name="Google Shape;818;p5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19" name="Google Shape;819;p55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32" name="Shape 8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3" name="Google Shape;833;p5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34" name="Google Shape;834;p56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47" name="Shape 84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48" name="Google Shape;848;p5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49" name="Google Shape;849;p57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61" name="Shape 8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2" name="Google Shape;862;p58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63" name="Google Shape;863;p58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5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76" name="Shape 87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77" name="Google Shape;877;p59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78" name="Google Shape;878;p59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03" name="Shape 10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4" name="Google Shape;104;p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  <p:sp>
        <p:nvSpPr>
          <p:cNvPr id="105" name="Google Shape;105;p6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889" name="Shape 88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0" name="Google Shape;890;p6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91" name="Google Shape;891;p60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04" name="Shape 9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5" name="Google Shape;905;p6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06" name="Google Shape;906;p61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19" name="Shape 9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0" name="Google Shape;920;p62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21" name="Google Shape;921;p62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34" name="Shape 93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35" name="Google Shape;935;p63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36" name="Google Shape;936;p63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47" name="Shape 94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8" name="Google Shape;948;p64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49" name="Google Shape;949;p64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60" name="Shape 96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1" name="Google Shape;961;p6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62" name="Google Shape;962;p65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72" name="Shape 9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3" name="Google Shape;973;p6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74" name="Google Shape;974;p66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85" name="Shape 98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6" name="Google Shape;986;p6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87" name="Google Shape;987;p67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97" name="Shape 9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8" name="Google Shape;998;p68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b="0" i="0" lang="en-US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rPr>
              <a:t>Dodijeljeno vrijeme: 10 minuta</a:t>
            </a:r>
            <a:endParaRPr/>
          </a:p>
        </p:txBody>
      </p:sp>
      <p:sp>
        <p:nvSpPr>
          <p:cNvPr id="999" name="Google Shape;999;p68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6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011" name="Shape 10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2" name="Google Shape;1012;p69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b="0" i="0" lang="en-US" sz="11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rPr>
              <a:t>Dodijeljeno vrijeme: 10 minuta</a:t>
            </a:r>
            <a:endParaRPr/>
          </a:p>
        </p:txBody>
      </p:sp>
      <p:sp>
        <p:nvSpPr>
          <p:cNvPr id="1013" name="Google Shape;1013;p69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15" name="Shape 1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6" name="Google Shape;116;p7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Dodijeljeno vrijeme: 30 minut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Ovaj ledolomac neće samo pomoći sudionicima da se upoznaju s digitalnim alatima koje mogu koristiti za stvaranje resursa za mikro učenje, već i za poticanje izgradnje tima i komunikacijskih vještina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Upotrijebite ovaj popis digitalnih alata, platformi ili aplikacija. Svaki tim trebao bi dobiti najmanje 3 stavke.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rtikulirajte 360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Genijalno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Mentimeta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reator Docebo sadržaj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17" name="Google Shape;117;p7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7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023" name="Shape 10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" name="Google Shape;1024;p70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1025" name="Google Shape;1025;p70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-228600" lvl="0" marL="45720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7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032" name="Shape 10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3" name="Google Shape;1033;p71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  <p:sp>
        <p:nvSpPr>
          <p:cNvPr id="1034" name="Google Shape;1034;p71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28" name="Shape 1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9" name="Google Shape;129;p8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Dodijeljeno vrijeme: 30 minut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Ovaj ledolomac neće samo pomoći sudionicima da se upoznaju s digitalnim alatima koje mogu koristiti za stvaranje resursa za mikro učenje, već i za poticanje izgradnje tima i komunikacijskih vještina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Upotrijebite ovaj popis digitalnih alata, platformi ili aplikacija. Svaki tim trebao bi dobiti najmanje 3 stavke.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rtikulirajte 360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Genijalno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Mentimeta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reator Docebo sadržaj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30" name="Google Shape;130;p8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57" name="Shape 15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8" name="Google Shape;158;p9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Dodijeljeno vrijeme: 30 minut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Ovaj ledolomac neće samo pomoći sudionicima da se upoznaju s digitalnim alatima koje mogu koristiti za stvaranje resursa za mikro učenje, već i za poticanje izgradnje tima i komunikacijskih vještina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Upotrijebite ovaj popis digitalnih alata, platformi ili aplikacija. Svaki tim trebao bi dobiti najmanje 3 stavke.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rtikulirajte 360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Genijalno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Mentimeta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Kreator Docebo sadržaj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en-US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9" name="Google Shape;159;p9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</p:spTree>
  </p:cSld>
  <p:clrMapOvr>
    <a:masterClrMapping/>
  </p:clrMapOvr>
</p:notes>
</file>

<file path=ppt/slideLayouts/_rels/slideLayout1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2_Custom Layout">
  <p:cSld name="2_Custom Layout">
    <p:spTree>
      <p:nvGrpSpPr>
        <p:cNvPr id="11" name="Shape 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Google Shape;12;p73"/>
          <p:cNvSpPr/>
          <p:nvPr>
            <p:ph idx="2" type="pic"/>
          </p:nvPr>
        </p:nvSpPr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12_Custom Layout">
  <p:cSld name="12_Custom Layout">
    <p:spTree>
      <p:nvGrpSpPr>
        <p:cNvPr id="31" name="Shape 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Google Shape;32;p82"/>
          <p:cNvSpPr/>
          <p:nvPr>
            <p:ph idx="2" type="pic"/>
          </p:nvPr>
        </p:nvSpPr>
        <p:spPr>
          <a:xfrm>
            <a:off x="0" y="1936063"/>
            <a:ext cx="12192000" cy="2985874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4_Custom Layout">
  <p:cSld name="4_Custom Layout">
    <p:spTree>
      <p:nvGrpSpPr>
        <p:cNvPr id="13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74"/>
          <p:cNvSpPr/>
          <p:nvPr>
            <p:ph idx="2" type="pic"/>
          </p:nvPr>
        </p:nvSpPr>
        <p:spPr>
          <a:xfrm>
            <a:off x="1662112" y="632949"/>
            <a:ext cx="2771775" cy="3756025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Slide">
  <p:cSld name="Title Slide">
    <p:spTree>
      <p:nvGrpSpPr>
        <p:cNvPr id="15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Google Shape;16;p75"/>
          <p:cNvSpPr/>
          <p:nvPr>
            <p:ph idx="2" type="pic"/>
          </p:nvPr>
        </p:nvSpPr>
        <p:spPr>
          <a:xfrm>
            <a:off x="2100262" y="573087"/>
            <a:ext cx="3995738" cy="5711825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11_Custom Layout">
  <p:cSld name="11_Custom Layout">
    <p:spTree>
      <p:nvGrpSpPr>
        <p:cNvPr id="17" name="Shape 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Google Shape;18;p76"/>
          <p:cNvSpPr/>
          <p:nvPr>
            <p:ph idx="2" type="pic"/>
          </p:nvPr>
        </p:nvSpPr>
        <p:spPr>
          <a:xfrm>
            <a:off x="5068887" y="2402681"/>
            <a:ext cx="2054225" cy="2052638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Custom Layout">
  <p:cSld name="Custom Layout">
    <p:spTree>
      <p:nvGrpSpPr>
        <p:cNvPr id="19" name="Shape 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Google Shape;20;p77"/>
          <p:cNvSpPr/>
          <p:nvPr>
            <p:ph idx="2" type="pic"/>
          </p:nvPr>
        </p:nvSpPr>
        <p:spPr>
          <a:xfrm>
            <a:off x="5360279" y="2700362"/>
            <a:ext cx="6096000" cy="3429000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1_Custom Layout">
  <p:cSld name="1_Custom Layout">
    <p:spTree>
      <p:nvGrpSpPr>
        <p:cNvPr id="21" name="Shape 21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16_Custom Layout">
  <p:cSld name="16_Custom Layout">
    <p:spTree>
      <p:nvGrpSpPr>
        <p:cNvPr id="22" name="Shape 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Google Shape;23;p79"/>
          <p:cNvSpPr/>
          <p:nvPr>
            <p:ph idx="2" type="pic"/>
          </p:nvPr>
        </p:nvSpPr>
        <p:spPr>
          <a:xfrm>
            <a:off x="1319669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  <p:sp>
        <p:nvSpPr>
          <p:cNvPr id="24" name="Google Shape;24;p79"/>
          <p:cNvSpPr/>
          <p:nvPr>
            <p:ph idx="3" type="pic"/>
          </p:nvPr>
        </p:nvSpPr>
        <p:spPr>
          <a:xfrm>
            <a:off x="3788433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  <p:sp>
        <p:nvSpPr>
          <p:cNvPr id="25" name="Google Shape;25;p79"/>
          <p:cNvSpPr/>
          <p:nvPr>
            <p:ph idx="4" type="pic"/>
          </p:nvPr>
        </p:nvSpPr>
        <p:spPr>
          <a:xfrm>
            <a:off x="6257197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  <p:sp>
        <p:nvSpPr>
          <p:cNvPr id="26" name="Google Shape;26;p79"/>
          <p:cNvSpPr/>
          <p:nvPr>
            <p:ph idx="5" type="pic"/>
          </p:nvPr>
        </p:nvSpPr>
        <p:spPr>
          <a:xfrm>
            <a:off x="8725961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14_Custom Layout">
  <p:cSld name="14_Custom Layout">
    <p:spTree>
      <p:nvGrpSpPr>
        <p:cNvPr id="27" name="Shape 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Google Shape;28;p80"/>
          <p:cNvSpPr/>
          <p:nvPr>
            <p:ph idx="2" type="pic"/>
          </p:nvPr>
        </p:nvSpPr>
        <p:spPr>
          <a:xfrm>
            <a:off x="626302" y="0"/>
            <a:ext cx="2918564" cy="6858000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3_Custom Layout">
  <p:cSld name="3_Custom Layout">
    <p:spTree>
      <p:nvGrpSpPr>
        <p:cNvPr id="29" name="Shape 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Google Shape;30;p81"/>
          <p:cNvSpPr/>
          <p:nvPr>
            <p:ph idx="2" type="pic"/>
          </p:nvPr>
        </p:nvSpPr>
        <p:spPr>
          <a:xfrm>
            <a:off x="0" y="0"/>
            <a:ext cx="12192000" cy="4783138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</p:sldLayout>
</file>

<file path=ppt/slideMasters/_rels/slideMaster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11" Type="http://schemas.openxmlformats.org/officeDocument/2006/relationships/theme" Target="../theme/theme2.xml"/><Relationship Id="rId10" Type="http://schemas.openxmlformats.org/officeDocument/2006/relationships/slideLayout" Target="../slideLayouts/slideLayout10.xml"/><Relationship Id="rId9" Type="http://schemas.openxmlformats.org/officeDocument/2006/relationships/slideLayout" Target="../slideLayouts/slideLayout9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/Relationships>
</file>

<file path=ppt/slideMasters/slideMaster1.xml><?xml version="1.0" encoding="utf-8"?>
<p:sld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chemeClr val="lt1"/>
        </a:solidFill>
      </p:bgPr>
    </p:bg>
    <p:spTree>
      <p:nvGrpSpPr>
        <p:cNvPr id="5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72"/>
          <p:cNvSpPr txBox="1"/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rmAutofit/>
          </a:bodyPr>
          <a:lstStyle>
            <a:lvl1pPr lvl="0" marR="0" rt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b="0" i="0" sz="44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lvl="2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lvl="3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lvl="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lvl="5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lvl="6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lvl="7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lvl="8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/>
        </p:txBody>
      </p:sp>
      <p:sp>
        <p:nvSpPr>
          <p:cNvPr id="7" name="Google Shape;7;p72"/>
          <p:cNvSpPr txBox="1"/>
          <p:nvPr>
            <p:ph idx="1" type="body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rmAutofit/>
          </a:bodyPr>
          <a:lstStyle>
            <a:lvl1pPr indent="-406400" lvl="0" marL="457200" marR="0" rtl="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b="0" i="0" sz="2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indent="-381000" lvl="1" marL="9144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b="0" i="0" sz="24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indent="-355600" lvl="2" marL="13716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b="0" i="0" sz="20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indent="-342900" lvl="3" marL="18288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indent="-342900" lvl="4" marL="22860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indent="-342900" lvl="5" marL="27432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indent="-342900" lvl="6" marL="32004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indent="-342900" lvl="7" marL="36576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indent="-342900" lvl="8" marL="4114800" marR="0" rtl="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8" name="Google Shape;8;p72"/>
          <p:cNvSpPr txBox="1"/>
          <p:nvPr>
            <p:ph idx="10" type="dt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9" name="Google Shape;9;p72"/>
          <p:cNvSpPr txBox="1"/>
          <p:nvPr>
            <p:ph idx="11" type="ftr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lv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10" name="Google Shape;10;p72"/>
          <p:cNvSpPr txBox="1"/>
          <p:nvPr>
            <p:ph idx="12" type="sldNum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>
            <a:lvl1pPr indent="0" lvl="0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indent="0" lvl="1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indent="0" lvl="2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indent="0" lvl="3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indent="0" lvl="4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indent="0" lvl="5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indent="0" lvl="6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indent="0" lvl="7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indent="0" lvl="8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b="0" i="0" sz="1200" u="none" cap="none" strike="noStrik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 accent1="accent1" accent2="accent2" accent3="accent3" accent4="accent4" accent5="accent5" accent6="accent6" bg1="lt1" bg2="dk2" tx1="dk1" tx2="lt2" folHlink="folHlink" hlink="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</p:sldLayoutIdLst>
  <p:hf dt="0" ftr="0" hdr="0" sldNum="0"/>
  <p:txStyles>
    <p:title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.xml"/><Relationship Id="rId3" Type="http://schemas.openxmlformats.org/officeDocument/2006/relationships/image" Target="../media/image8.png"/><Relationship Id="rId4" Type="http://schemas.openxmlformats.org/officeDocument/2006/relationships/image" Target="../media/image1.png"/></Relationships>
</file>

<file path=ppt/slides/_rels/slide1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10.xml"/><Relationship Id="rId3" Type="http://schemas.openxmlformats.org/officeDocument/2006/relationships/image" Target="../media/image3.png"/><Relationship Id="rId4" Type="http://schemas.openxmlformats.org/officeDocument/2006/relationships/image" Target="../media/image18.png"/><Relationship Id="rId5" Type="http://schemas.openxmlformats.org/officeDocument/2006/relationships/image" Target="../media/image1.png"/></Relationships>
</file>

<file path=ppt/slides/_rels/slide1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11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1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12.xml"/><Relationship Id="rId3" Type="http://schemas.openxmlformats.org/officeDocument/2006/relationships/image" Target="../media/image8.png"/><Relationship Id="rId4" Type="http://schemas.openxmlformats.org/officeDocument/2006/relationships/image" Target="../media/image1.png"/></Relationships>
</file>

<file path=ppt/slides/_rels/slide1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13.xml"/><Relationship Id="rId3" Type="http://schemas.openxmlformats.org/officeDocument/2006/relationships/image" Target="../media/image3.png"/><Relationship Id="rId4" Type="http://schemas.openxmlformats.org/officeDocument/2006/relationships/image" Target="../media/image13.png"/><Relationship Id="rId5" Type="http://schemas.openxmlformats.org/officeDocument/2006/relationships/image" Target="../media/image15.png"/><Relationship Id="rId6" Type="http://schemas.openxmlformats.org/officeDocument/2006/relationships/image" Target="../media/image10.png"/><Relationship Id="rId7" Type="http://schemas.openxmlformats.org/officeDocument/2006/relationships/image" Target="../media/image1.png"/></Relationships>
</file>

<file path=ppt/slides/_rels/slide1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14.xml"/><Relationship Id="rId3" Type="http://schemas.openxmlformats.org/officeDocument/2006/relationships/image" Target="../media/image3.png"/><Relationship Id="rId4" Type="http://schemas.openxmlformats.org/officeDocument/2006/relationships/image" Target="../media/image10.png"/><Relationship Id="rId5" Type="http://schemas.openxmlformats.org/officeDocument/2006/relationships/image" Target="../media/image1.png"/></Relationships>
</file>

<file path=ppt/slides/_rels/slide1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15.xml"/><Relationship Id="rId3" Type="http://schemas.openxmlformats.org/officeDocument/2006/relationships/image" Target="../media/image3.png"/><Relationship Id="rId4" Type="http://schemas.openxmlformats.org/officeDocument/2006/relationships/image" Target="../media/image10.png"/><Relationship Id="rId5" Type="http://schemas.openxmlformats.org/officeDocument/2006/relationships/image" Target="../media/image1.png"/></Relationships>
</file>

<file path=ppt/slides/_rels/slide1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16.xml"/><Relationship Id="rId3" Type="http://schemas.openxmlformats.org/officeDocument/2006/relationships/image" Target="../media/image12.jp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1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17.xml"/><Relationship Id="rId3" Type="http://schemas.openxmlformats.org/officeDocument/2006/relationships/image" Target="../media/image11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1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18.xml"/><Relationship Id="rId3" Type="http://schemas.openxmlformats.org/officeDocument/2006/relationships/image" Target="../media/image16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1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19.xml"/><Relationship Id="rId3" Type="http://schemas.openxmlformats.org/officeDocument/2006/relationships/image" Target="../media/image24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2.xml"/><Relationship Id="rId3" Type="http://schemas.openxmlformats.org/officeDocument/2006/relationships/image" Target="../media/image6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2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20.xml"/><Relationship Id="rId3" Type="http://schemas.openxmlformats.org/officeDocument/2006/relationships/image" Target="../media/image17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2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21.xml"/><Relationship Id="rId3" Type="http://schemas.openxmlformats.org/officeDocument/2006/relationships/image" Target="../media/image3.png"/><Relationship Id="rId4" Type="http://schemas.openxmlformats.org/officeDocument/2006/relationships/image" Target="../media/image33.png"/><Relationship Id="rId5" Type="http://schemas.openxmlformats.org/officeDocument/2006/relationships/image" Target="../media/image1.png"/></Relationships>
</file>

<file path=ppt/slides/_rels/slide2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22.xml"/><Relationship Id="rId3" Type="http://schemas.openxmlformats.org/officeDocument/2006/relationships/image" Target="../media/image25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2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23.xml"/><Relationship Id="rId3" Type="http://schemas.openxmlformats.org/officeDocument/2006/relationships/image" Target="../media/image14.jp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2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24.xml"/><Relationship Id="rId3" Type="http://schemas.openxmlformats.org/officeDocument/2006/relationships/image" Target="../media/image20.jp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2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25.xml"/><Relationship Id="rId3" Type="http://schemas.openxmlformats.org/officeDocument/2006/relationships/image" Target="../media/image8.png"/><Relationship Id="rId4" Type="http://schemas.openxmlformats.org/officeDocument/2006/relationships/image" Target="../media/image1.png"/></Relationships>
</file>

<file path=ppt/slides/_rels/slide2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26.xml"/><Relationship Id="rId3" Type="http://schemas.openxmlformats.org/officeDocument/2006/relationships/image" Target="../media/image3.png"/><Relationship Id="rId4" Type="http://schemas.openxmlformats.org/officeDocument/2006/relationships/image" Target="../media/image38.png"/><Relationship Id="rId5" Type="http://schemas.openxmlformats.org/officeDocument/2006/relationships/image" Target="../media/image54.png"/><Relationship Id="rId6" Type="http://schemas.openxmlformats.org/officeDocument/2006/relationships/image" Target="../media/image1.png"/></Relationships>
</file>

<file path=ppt/slides/_rels/slide2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27.xml"/><Relationship Id="rId3" Type="http://schemas.openxmlformats.org/officeDocument/2006/relationships/image" Target="../media/image3.png"/><Relationship Id="rId4" Type="http://schemas.openxmlformats.org/officeDocument/2006/relationships/image" Target="../media/image26.png"/><Relationship Id="rId5" Type="http://schemas.openxmlformats.org/officeDocument/2006/relationships/image" Target="../media/image1.png"/></Relationships>
</file>

<file path=ppt/slides/_rels/slide2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28.xml"/><Relationship Id="rId3" Type="http://schemas.openxmlformats.org/officeDocument/2006/relationships/image" Target="../media/image3.png"/><Relationship Id="rId4" Type="http://schemas.openxmlformats.org/officeDocument/2006/relationships/image" Target="../media/image36.png"/><Relationship Id="rId5" Type="http://schemas.openxmlformats.org/officeDocument/2006/relationships/image" Target="../media/image1.png"/></Relationships>
</file>

<file path=ppt/slides/_rels/slide2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29.xml"/><Relationship Id="rId3" Type="http://schemas.openxmlformats.org/officeDocument/2006/relationships/image" Target="../media/image3.png"/><Relationship Id="rId4" Type="http://schemas.openxmlformats.org/officeDocument/2006/relationships/image" Target="../media/image21.jpg"/><Relationship Id="rId11" Type="http://schemas.openxmlformats.org/officeDocument/2006/relationships/hyperlink" Target="https://padlet.com" TargetMode="External"/><Relationship Id="rId10" Type="http://schemas.openxmlformats.org/officeDocument/2006/relationships/hyperlink" Target="https://jamboard.google.com" TargetMode="External"/><Relationship Id="rId12" Type="http://schemas.openxmlformats.org/officeDocument/2006/relationships/image" Target="../media/image1.png"/><Relationship Id="rId9" Type="http://schemas.openxmlformats.org/officeDocument/2006/relationships/image" Target="../media/image19.jpg"/><Relationship Id="rId5" Type="http://schemas.openxmlformats.org/officeDocument/2006/relationships/hyperlink" Target="https://www.mentimeter.com" TargetMode="External"/><Relationship Id="rId6" Type="http://schemas.openxmlformats.org/officeDocument/2006/relationships/image" Target="../media/image27.png"/><Relationship Id="rId7" Type="http://schemas.openxmlformats.org/officeDocument/2006/relationships/hyperlink" Target="https://kahoot.com" TargetMode="External"/><Relationship Id="rId8" Type="http://schemas.openxmlformats.org/officeDocument/2006/relationships/image" Target="../media/image31.png"/></Relationships>
</file>

<file path=ppt/slides/_rels/slide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3.xml"/><Relationship Id="rId2" Type="http://schemas.openxmlformats.org/officeDocument/2006/relationships/notesSlide" Target="../notesSlides/notesSlide3.xml"/><Relationship Id="rId3" Type="http://schemas.openxmlformats.org/officeDocument/2006/relationships/image" Target="../media/image4.jp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3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30.xml"/><Relationship Id="rId3" Type="http://schemas.openxmlformats.org/officeDocument/2006/relationships/image" Target="../media/image60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3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31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3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32.xml"/><Relationship Id="rId3" Type="http://schemas.openxmlformats.org/officeDocument/2006/relationships/image" Target="../media/image61.png"/><Relationship Id="rId4" Type="http://schemas.openxmlformats.org/officeDocument/2006/relationships/image" Target="../media/image8.png"/><Relationship Id="rId5" Type="http://schemas.openxmlformats.org/officeDocument/2006/relationships/image" Target="../media/image1.png"/></Relationships>
</file>

<file path=ppt/slides/_rels/slide3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33.xml"/><Relationship Id="rId3" Type="http://schemas.openxmlformats.org/officeDocument/2006/relationships/image" Target="../media/image8.png"/><Relationship Id="rId4" Type="http://schemas.openxmlformats.org/officeDocument/2006/relationships/image" Target="../media/image1.png"/></Relationships>
</file>

<file path=ppt/slides/_rels/slide3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34.xml"/><Relationship Id="rId3" Type="http://schemas.openxmlformats.org/officeDocument/2006/relationships/image" Target="../media/image3.png"/><Relationship Id="rId4" Type="http://schemas.openxmlformats.org/officeDocument/2006/relationships/image" Target="../media/image53.png"/><Relationship Id="rId5" Type="http://schemas.openxmlformats.org/officeDocument/2006/relationships/image" Target="../media/image44.png"/><Relationship Id="rId6" Type="http://schemas.openxmlformats.org/officeDocument/2006/relationships/image" Target="../media/image1.png"/></Relationships>
</file>

<file path=ppt/slides/_rels/slide3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35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3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36.xml"/><Relationship Id="rId3" Type="http://schemas.openxmlformats.org/officeDocument/2006/relationships/image" Target="../media/image3.png"/><Relationship Id="rId4" Type="http://schemas.openxmlformats.org/officeDocument/2006/relationships/image" Target="../media/image47.png"/><Relationship Id="rId5" Type="http://schemas.openxmlformats.org/officeDocument/2006/relationships/image" Target="../media/image48.png"/><Relationship Id="rId6" Type="http://schemas.openxmlformats.org/officeDocument/2006/relationships/image" Target="../media/image35.png"/><Relationship Id="rId7" Type="http://schemas.openxmlformats.org/officeDocument/2006/relationships/image" Target="../media/image30.png"/><Relationship Id="rId8" Type="http://schemas.openxmlformats.org/officeDocument/2006/relationships/image" Target="../media/image1.png"/></Relationships>
</file>

<file path=ppt/slides/_rels/slide3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37.xml"/><Relationship Id="rId3" Type="http://schemas.openxmlformats.org/officeDocument/2006/relationships/image" Target="../media/image3.png"/><Relationship Id="rId4" Type="http://schemas.openxmlformats.org/officeDocument/2006/relationships/image" Target="../media/image29.png"/><Relationship Id="rId5" Type="http://schemas.openxmlformats.org/officeDocument/2006/relationships/image" Target="../media/image70.png"/><Relationship Id="rId6" Type="http://schemas.openxmlformats.org/officeDocument/2006/relationships/image" Target="../media/image42.png"/><Relationship Id="rId7" Type="http://schemas.openxmlformats.org/officeDocument/2006/relationships/image" Target="../media/image37.png"/><Relationship Id="rId8" Type="http://schemas.openxmlformats.org/officeDocument/2006/relationships/image" Target="../media/image1.png"/></Relationships>
</file>

<file path=ppt/slides/_rels/slide3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38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3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39.xml"/><Relationship Id="rId3" Type="http://schemas.openxmlformats.org/officeDocument/2006/relationships/image" Target="../media/image3.png"/><Relationship Id="rId4" Type="http://schemas.openxmlformats.org/officeDocument/2006/relationships/image" Target="../media/image41.png"/><Relationship Id="rId5" Type="http://schemas.openxmlformats.org/officeDocument/2006/relationships/image" Target="../media/image1.png"/></Relationships>
</file>

<file path=ppt/slides/_rels/slide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4.xml"/><Relationship Id="rId3" Type="http://schemas.openxmlformats.org/officeDocument/2006/relationships/image" Target="../media/image8.png"/><Relationship Id="rId4" Type="http://schemas.openxmlformats.org/officeDocument/2006/relationships/image" Target="../media/image1.png"/></Relationships>
</file>

<file path=ppt/slides/_rels/slide4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40.xml"/><Relationship Id="rId3" Type="http://schemas.openxmlformats.org/officeDocument/2006/relationships/image" Target="../media/image8.png"/><Relationship Id="rId4" Type="http://schemas.openxmlformats.org/officeDocument/2006/relationships/image" Target="../media/image1.png"/></Relationships>
</file>

<file path=ppt/slides/_rels/slide4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41.xml"/><Relationship Id="rId3" Type="http://schemas.openxmlformats.org/officeDocument/2006/relationships/image" Target="../media/image3.png"/><Relationship Id="rId4" Type="http://schemas.openxmlformats.org/officeDocument/2006/relationships/image" Target="../media/image32.png"/><Relationship Id="rId5" Type="http://schemas.openxmlformats.org/officeDocument/2006/relationships/image" Target="../media/image15.png"/><Relationship Id="rId6" Type="http://schemas.openxmlformats.org/officeDocument/2006/relationships/image" Target="../media/image1.png"/></Relationships>
</file>

<file path=ppt/slides/_rels/slide4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42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4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43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4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44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4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45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4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46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4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47.xml"/><Relationship Id="rId3" Type="http://schemas.openxmlformats.org/officeDocument/2006/relationships/image" Target="../media/image3.png"/><Relationship Id="rId4" Type="http://schemas.openxmlformats.org/officeDocument/2006/relationships/image" Target="../media/image39.png"/><Relationship Id="rId5" Type="http://schemas.openxmlformats.org/officeDocument/2006/relationships/image" Target="../media/image1.png"/></Relationships>
</file>

<file path=ppt/slides/_rels/slide4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48.xml"/><Relationship Id="rId3" Type="http://schemas.openxmlformats.org/officeDocument/2006/relationships/image" Target="../media/image73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4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49.xml"/><Relationship Id="rId3" Type="http://schemas.openxmlformats.org/officeDocument/2006/relationships/image" Target="../media/image3.png"/><Relationship Id="rId4" Type="http://schemas.openxmlformats.org/officeDocument/2006/relationships/image" Target="../media/image43.png"/><Relationship Id="rId5" Type="http://schemas.openxmlformats.org/officeDocument/2006/relationships/image" Target="../media/image1.png"/></Relationships>
</file>

<file path=ppt/slides/_rels/slide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5.xml"/><Relationship Id="rId2" Type="http://schemas.openxmlformats.org/officeDocument/2006/relationships/notesSlide" Target="../notesSlides/notesSlide5.xml"/><Relationship Id="rId3" Type="http://schemas.openxmlformats.org/officeDocument/2006/relationships/image" Target="../media/image23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5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50.xml"/><Relationship Id="rId3" Type="http://schemas.openxmlformats.org/officeDocument/2006/relationships/image" Target="../media/image56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5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4.xml"/><Relationship Id="rId2" Type="http://schemas.openxmlformats.org/officeDocument/2006/relationships/notesSlide" Target="../notesSlides/notesSlide51.xml"/><Relationship Id="rId3" Type="http://schemas.openxmlformats.org/officeDocument/2006/relationships/image" Target="../media/image8.png"/><Relationship Id="rId4" Type="http://schemas.openxmlformats.org/officeDocument/2006/relationships/image" Target="../media/image1.png"/></Relationships>
</file>

<file path=ppt/slides/_rels/slide5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52.xml"/><Relationship Id="rId3" Type="http://schemas.openxmlformats.org/officeDocument/2006/relationships/image" Target="../media/image3.png"/><Relationship Id="rId4" Type="http://schemas.openxmlformats.org/officeDocument/2006/relationships/image" Target="../media/image46.png"/><Relationship Id="rId5" Type="http://schemas.openxmlformats.org/officeDocument/2006/relationships/image" Target="../media/image32.png"/><Relationship Id="rId6" Type="http://schemas.openxmlformats.org/officeDocument/2006/relationships/image" Target="../media/image1.png"/></Relationships>
</file>

<file path=ppt/slides/_rels/slide5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53.xml"/><Relationship Id="rId3" Type="http://schemas.openxmlformats.org/officeDocument/2006/relationships/image" Target="../media/image58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5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54.xml"/><Relationship Id="rId3" Type="http://schemas.openxmlformats.org/officeDocument/2006/relationships/image" Target="../media/image64.jp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5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55.xml"/><Relationship Id="rId3" Type="http://schemas.openxmlformats.org/officeDocument/2006/relationships/image" Target="../media/image52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5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56.xml"/><Relationship Id="rId3" Type="http://schemas.openxmlformats.org/officeDocument/2006/relationships/image" Target="../media/image45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5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57.xml"/><Relationship Id="rId3" Type="http://schemas.openxmlformats.org/officeDocument/2006/relationships/image" Target="../media/image51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5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58.xml"/><Relationship Id="rId3" Type="http://schemas.openxmlformats.org/officeDocument/2006/relationships/image" Target="../media/image50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5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59.xml"/><Relationship Id="rId3" Type="http://schemas.openxmlformats.org/officeDocument/2006/relationships/image" Target="../media/image3.png"/><Relationship Id="rId4" Type="http://schemas.openxmlformats.org/officeDocument/2006/relationships/image" Target="../media/image49.png"/><Relationship Id="rId5" Type="http://schemas.openxmlformats.org/officeDocument/2006/relationships/image" Target="../media/image1.png"/></Relationships>
</file>

<file path=ppt/slides/_rels/slide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6.xml"/><Relationship Id="rId3" Type="http://schemas.openxmlformats.org/officeDocument/2006/relationships/image" Target="../media/image28.png"/><Relationship Id="rId4" Type="http://schemas.openxmlformats.org/officeDocument/2006/relationships/hyperlink" Target="https://www.youtube.com/watch?v=-7UI-dTbMr0" TargetMode="External"/><Relationship Id="rId5" Type="http://schemas.openxmlformats.org/officeDocument/2006/relationships/image" Target="../media/image1.png"/></Relationships>
</file>

<file path=ppt/slides/_rels/slide6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60.xml"/><Relationship Id="rId3" Type="http://schemas.openxmlformats.org/officeDocument/2006/relationships/image" Target="../media/image62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6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61.xml"/><Relationship Id="rId3" Type="http://schemas.openxmlformats.org/officeDocument/2006/relationships/image" Target="../media/image69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6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62.xml"/><Relationship Id="rId3" Type="http://schemas.openxmlformats.org/officeDocument/2006/relationships/image" Target="../media/image66.jp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6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63.xml"/><Relationship Id="rId3" Type="http://schemas.openxmlformats.org/officeDocument/2006/relationships/image" Target="../media/image55.jp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6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64.xml"/><Relationship Id="rId3" Type="http://schemas.openxmlformats.org/officeDocument/2006/relationships/image" Target="../media/image59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6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65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6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66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6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67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6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8.xml"/><Relationship Id="rId2" Type="http://schemas.openxmlformats.org/officeDocument/2006/relationships/notesSlide" Target="../notesSlides/notesSlide68.xml"/><Relationship Id="rId3" Type="http://schemas.openxmlformats.org/officeDocument/2006/relationships/image" Target="../media/image63.jp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6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8.xml"/><Relationship Id="rId2" Type="http://schemas.openxmlformats.org/officeDocument/2006/relationships/notesSlide" Target="../notesSlides/notesSlide69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7.xml"/><Relationship Id="rId3" Type="http://schemas.openxmlformats.org/officeDocument/2006/relationships/image" Target="../media/image5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_rels/slide7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7.xml"/><Relationship Id="rId2" Type="http://schemas.openxmlformats.org/officeDocument/2006/relationships/notesSlide" Target="../notesSlides/notesSlide70.xml"/><Relationship Id="rId3" Type="http://schemas.openxmlformats.org/officeDocument/2006/relationships/image" Target="../media/image61.png"/><Relationship Id="rId4" Type="http://schemas.openxmlformats.org/officeDocument/2006/relationships/image" Target="../media/image8.png"/><Relationship Id="rId5" Type="http://schemas.openxmlformats.org/officeDocument/2006/relationships/image" Target="../media/image1.png"/></Relationships>
</file>

<file path=ppt/slides/_rels/slide7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71.xml"/><Relationship Id="rId3" Type="http://schemas.openxmlformats.org/officeDocument/2006/relationships/image" Target="../media/image3.png"/><Relationship Id="rId4" Type="http://schemas.openxmlformats.org/officeDocument/2006/relationships/image" Target="../media/image65.jpg"/><Relationship Id="rId11" Type="http://schemas.openxmlformats.org/officeDocument/2006/relationships/image" Target="../media/image71.png"/><Relationship Id="rId10" Type="http://schemas.openxmlformats.org/officeDocument/2006/relationships/image" Target="../media/image72.jpg"/><Relationship Id="rId12" Type="http://schemas.openxmlformats.org/officeDocument/2006/relationships/image" Target="../media/image1.png"/><Relationship Id="rId9" Type="http://schemas.openxmlformats.org/officeDocument/2006/relationships/image" Target="../media/image76.png"/><Relationship Id="rId5" Type="http://schemas.openxmlformats.org/officeDocument/2006/relationships/image" Target="../media/image57.jpg"/><Relationship Id="rId6" Type="http://schemas.openxmlformats.org/officeDocument/2006/relationships/image" Target="../media/image68.png"/><Relationship Id="rId7" Type="http://schemas.openxmlformats.org/officeDocument/2006/relationships/image" Target="../media/image74.png"/><Relationship Id="rId8" Type="http://schemas.openxmlformats.org/officeDocument/2006/relationships/image" Target="../media/image75.png"/></Relationships>
</file>

<file path=ppt/slides/_rels/slide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8.xml"/><Relationship Id="rId3" Type="http://schemas.openxmlformats.org/officeDocument/2006/relationships/image" Target="../media/image3.png"/><Relationship Id="rId4" Type="http://schemas.openxmlformats.org/officeDocument/2006/relationships/image" Target="../media/image1.png"/></Relationships>
</file>

<file path=ppt/slides/_rels/slide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6.xml"/><Relationship Id="rId2" Type="http://schemas.openxmlformats.org/officeDocument/2006/relationships/notesSlide" Target="../notesSlides/notesSlide9.xml"/><Relationship Id="rId3" Type="http://schemas.openxmlformats.org/officeDocument/2006/relationships/image" Target="../media/image22.png"/><Relationship Id="rId4" Type="http://schemas.openxmlformats.org/officeDocument/2006/relationships/image" Target="../media/image3.png"/><Relationship Id="rId5" Type="http://schemas.openxmlformats.org/officeDocument/2006/relationships/image" Target="../media/image1.png"/></Relationships>
</file>

<file path=ppt/slides/slide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36" name="Shape 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A picture containing logo  Description automatically generated" id="37" name="Google Shape;37;p1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10216" l="0" r="0" t="10216"/>
          <a:stretch/>
        </p:blipFill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38" name="Google Shape;38;p1"/>
          <p:cNvSpPr/>
          <p:nvPr/>
        </p:nvSpPr>
        <p:spPr>
          <a:xfrm>
            <a:off x="0" y="817419"/>
            <a:ext cx="5529943" cy="1457696"/>
          </a:xfrm>
          <a:prstGeom prst="rect">
            <a:avLst/>
          </a:prstGeom>
          <a:solidFill>
            <a:schemeClr val="accent1">
              <a:alpha val="69019"/>
            </a:schemeClr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39" name="Google Shape;39;p1"/>
          <p:cNvSpPr txBox="1"/>
          <p:nvPr/>
        </p:nvSpPr>
        <p:spPr>
          <a:xfrm>
            <a:off x="745723" y="914717"/>
            <a:ext cx="4038496" cy="120028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učno usavršavanje za edukatore odraslih</a:t>
            </a:r>
            <a:endParaRPr b="1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t/>
            </a:r>
            <a:endParaRPr b="1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0" name="Google Shape;40;p1"/>
          <p:cNvSpPr/>
          <p:nvPr/>
        </p:nvSpPr>
        <p:spPr>
          <a:xfrm>
            <a:off x="1" y="2484337"/>
            <a:ext cx="4332514" cy="1889327"/>
          </a:xfrm>
          <a:prstGeom prst="rect">
            <a:avLst/>
          </a:prstGeom>
          <a:solidFill>
            <a:schemeClr val="accent1">
              <a:alpha val="69019"/>
            </a:schemeClr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1" name="Google Shape;41;p1"/>
          <p:cNvSpPr txBox="1"/>
          <p:nvPr/>
        </p:nvSpPr>
        <p:spPr>
          <a:xfrm>
            <a:off x="348447" y="2581635"/>
            <a:ext cx="3853500" cy="18471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dul 3:</a:t>
            </a:r>
            <a:b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vod u strategije angažmana u digitalnim okruženjima</a:t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42" name="Google Shape;42;p1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78" name="Shape 17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9" name="Google Shape;179;p10"/>
          <p:cNvSpPr txBox="1"/>
          <p:nvPr/>
        </p:nvSpPr>
        <p:spPr>
          <a:xfrm>
            <a:off x="3071701" y="426600"/>
            <a:ext cx="6048600" cy="627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3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Grupna rasprava o izazovima i mogućnostima angažmana</a:t>
            </a:r>
            <a:endParaRPr b="1" i="0" sz="25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80" name="Google Shape;180;p10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181" name="Google Shape;181;p1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82" name="Google Shape;182;p1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83" name="Google Shape;183;p1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184" name="Google Shape;184;p1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85" name="Google Shape;185;p10"/>
          <p:cNvSpPr txBox="1"/>
          <p:nvPr/>
        </p:nvSpPr>
        <p:spPr>
          <a:xfrm>
            <a:off x="718325" y="1758375"/>
            <a:ext cx="7310100" cy="1816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AutoNum type="arabicPeriod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Napravite male grupe za raspravu (3-4 člana po grupi)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AutoNum type="arabicPeriod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dijelite svoje uvide i iskustva povezana s </a:t>
            </a: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izazovima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i </a:t>
            </a: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ilikama za 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angažman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b="1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AutoNum type="arabicPeriod"/>
            </a:pP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S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bira glasnogovornika koji će </a:t>
            </a: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dijeliti ključne zaključke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s većom skupinom tijekom sažetka.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86" name="Google Shape;186;p10"/>
          <p:cNvSpPr txBox="1"/>
          <p:nvPr/>
        </p:nvSpPr>
        <p:spPr>
          <a:xfrm>
            <a:off x="6277700" y="3879375"/>
            <a:ext cx="5776500" cy="2524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sng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ijedlozi za PITANJA za raspravu:</a:t>
            </a:r>
            <a:br>
              <a:rPr b="1" i="0" lang="en-US" sz="2000" u="sng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1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"S kojim ste se izazovima susreli u uključivanju odraslih učenika u digitalne postavke?"</a:t>
            </a:r>
            <a:b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"Koje strategije smatrate učinkovitima u promicanju angažmana?" 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87" name="Google Shape;187;p10"/>
          <p:cNvSpPr/>
          <p:nvPr/>
        </p:nvSpPr>
        <p:spPr>
          <a:xfrm flipH="1">
            <a:off x="-10" y="2606350"/>
            <a:ext cx="6047985" cy="4251647"/>
          </a:xfrm>
          <a:custGeom>
            <a:rect b="b" l="l" r="r" t="t"/>
            <a:pathLst>
              <a:path extrusionOk="0" h="5364854" w="7286729">
                <a:moveTo>
                  <a:pt x="7286729" y="0"/>
                </a:moveTo>
                <a:lnTo>
                  <a:pt x="0" y="0"/>
                </a:lnTo>
                <a:lnTo>
                  <a:pt x="0" y="5364854"/>
                </a:lnTo>
                <a:lnTo>
                  <a:pt x="7286729" y="5364854"/>
                </a:lnTo>
                <a:lnTo>
                  <a:pt x="7286729" y="0"/>
                </a:lnTo>
                <a:close/>
              </a:path>
            </a:pathLst>
          </a:custGeom>
          <a:blipFill rotWithShape="1">
            <a:blip r:embed="rId4">
              <a:alphaModFix amt="14000"/>
            </a:blip>
            <a:stretch>
              <a:fillRect b="0" l="0" r="0" t="0"/>
            </a:stretch>
          </a:blipFill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188" name="Google Shape;188;p1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92" name="Shape 19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3" name="Google Shape;193;p11"/>
          <p:cNvSpPr txBox="1"/>
          <p:nvPr/>
        </p:nvSpPr>
        <p:spPr>
          <a:xfrm>
            <a:off x="3071701" y="2632325"/>
            <a:ext cx="6048600" cy="627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3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itanja i odgovori i sažetak.</a:t>
            </a:r>
            <a:endParaRPr b="1" i="0" sz="25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94" name="Google Shape;194;p11"/>
          <p:cNvGrpSpPr/>
          <p:nvPr/>
        </p:nvGrpSpPr>
        <p:grpSpPr>
          <a:xfrm>
            <a:off x="5470012" y="3428997"/>
            <a:ext cx="1251984" cy="358200"/>
            <a:chOff x="5470062" y="1167647"/>
            <a:chExt cx="1251984" cy="358200"/>
          </a:xfrm>
        </p:grpSpPr>
        <p:sp>
          <p:nvSpPr>
            <p:cNvPr id="195" name="Google Shape;195;p1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96" name="Google Shape;196;p1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97" name="Google Shape;197;p1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198" name="Google Shape;198;p11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199" name="Google Shape;199;p11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03" name="Shape 20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" name="Google Shape;204;p12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A picture containing logo  Description automatically generated" id="205" name="Google Shape;205;p12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0" l="14652" r="14652" t="0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206" name="Google Shape;206;p12"/>
          <p:cNvSpPr txBox="1"/>
          <p:nvPr/>
        </p:nvSpPr>
        <p:spPr>
          <a:xfrm>
            <a:off x="5494954" y="1678900"/>
            <a:ext cx="12021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2 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07" name="Google Shape;207;p12"/>
          <p:cNvSpPr txBox="1"/>
          <p:nvPr/>
        </p:nvSpPr>
        <p:spPr>
          <a:xfrm>
            <a:off x="4173742" y="4546933"/>
            <a:ext cx="3844500" cy="886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0" i="0" lang="en-US" sz="2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Osmišljavanje privlačnih obrazovnih iskustava</a:t>
            </a:r>
            <a:endParaRPr b="0" i="0" sz="2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208" name="Google Shape;208;p12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12" name="Shape 21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3" name="Google Shape;213;p13"/>
          <p:cNvSpPr/>
          <p:nvPr/>
        </p:nvSpPr>
        <p:spPr>
          <a:xfrm>
            <a:off x="7389925" y="5370925"/>
            <a:ext cx="3686700" cy="8595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14" name="Google Shape;214;p13"/>
          <p:cNvSpPr txBox="1"/>
          <p:nvPr/>
        </p:nvSpPr>
        <p:spPr>
          <a:xfrm>
            <a:off x="3897906" y="636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ažetak prethodne sesije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15" name="Google Shape;215;p13"/>
          <p:cNvGrpSpPr/>
          <p:nvPr/>
        </p:nvGrpSpPr>
        <p:grpSpPr>
          <a:xfrm>
            <a:off x="5470062" y="1349322"/>
            <a:ext cx="1251876" cy="358096"/>
            <a:chOff x="5470062" y="1167647"/>
            <a:chExt cx="1251876" cy="358096"/>
          </a:xfrm>
        </p:grpSpPr>
        <p:sp>
          <p:nvSpPr>
            <p:cNvPr id="216" name="Google Shape;216;p13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17" name="Google Shape;217;p13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18" name="Google Shape;218;p13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219" name="Google Shape;219;p13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20" name="Google Shape;220;p13"/>
          <p:cNvSpPr txBox="1"/>
          <p:nvPr/>
        </p:nvSpPr>
        <p:spPr>
          <a:xfrm>
            <a:off x="2334975" y="2448838"/>
            <a:ext cx="5820900" cy="507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700"/>
              <a:buFont typeface="Arial"/>
              <a:buNone/>
            </a:pPr>
            <a:r>
              <a:rPr b="0" i="0" lang="en-US" sz="27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Digitalna okruženja</a:t>
            </a:r>
            <a:endParaRPr b="0" i="0" sz="27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1" name="Google Shape;221;p13"/>
          <p:cNvSpPr txBox="1"/>
          <p:nvPr/>
        </p:nvSpPr>
        <p:spPr>
          <a:xfrm>
            <a:off x="7389925" y="5370925"/>
            <a:ext cx="3751500" cy="7599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va sesija?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2" name="Google Shape;222;p13"/>
          <p:cNvSpPr/>
          <p:nvPr/>
        </p:nvSpPr>
        <p:spPr>
          <a:xfrm>
            <a:off x="2334964" y="4154971"/>
            <a:ext cx="1068271" cy="1001504"/>
          </a:xfrm>
          <a:custGeom>
            <a:rect b="b" l="l" r="r" t="t"/>
            <a:pathLst>
              <a:path extrusionOk="0" h="1001504" w="1068271">
                <a:moveTo>
                  <a:pt x="0" y="0"/>
                </a:moveTo>
                <a:lnTo>
                  <a:pt x="1068272" y="0"/>
                </a:lnTo>
                <a:lnTo>
                  <a:pt x="1068272" y="1001504"/>
                </a:lnTo>
                <a:lnTo>
                  <a:pt x="0" y="1001504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223" name="Google Shape;223;p13"/>
          <p:cNvSpPr/>
          <p:nvPr/>
        </p:nvSpPr>
        <p:spPr>
          <a:xfrm>
            <a:off x="1635848" y="1947666"/>
            <a:ext cx="777502" cy="981075"/>
          </a:xfrm>
          <a:custGeom>
            <a:rect b="b" l="l" r="r" t="t"/>
            <a:pathLst>
              <a:path extrusionOk="0" h="981075" w="777502">
                <a:moveTo>
                  <a:pt x="0" y="0"/>
                </a:moveTo>
                <a:lnTo>
                  <a:pt x="777502" y="0"/>
                </a:lnTo>
                <a:lnTo>
                  <a:pt x="777502" y="981075"/>
                </a:lnTo>
                <a:lnTo>
                  <a:pt x="0" y="98107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224" name="Google Shape;224;p13"/>
          <p:cNvSpPr txBox="1"/>
          <p:nvPr/>
        </p:nvSpPr>
        <p:spPr>
          <a:xfrm>
            <a:off x="8294100" y="2956750"/>
            <a:ext cx="2782500" cy="507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700"/>
              <a:buFont typeface="Arial"/>
              <a:buNone/>
            </a:pPr>
            <a:r>
              <a:rPr b="0" i="0" lang="en-US" sz="27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Angažman</a:t>
            </a:r>
            <a:endParaRPr b="0" i="0" sz="27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5" name="Google Shape;225;p13"/>
          <p:cNvSpPr txBox="1"/>
          <p:nvPr/>
        </p:nvSpPr>
        <p:spPr>
          <a:xfrm>
            <a:off x="3551225" y="4413438"/>
            <a:ext cx="5820900" cy="507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700"/>
              <a:buFont typeface="Arial"/>
              <a:buNone/>
            </a:pPr>
            <a:r>
              <a:rPr b="0" i="0" lang="en-US" sz="27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Izazovi i mogućnosti</a:t>
            </a:r>
            <a:endParaRPr b="0" i="0" sz="27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6" name="Google Shape;226;p13"/>
          <p:cNvSpPr/>
          <p:nvPr/>
        </p:nvSpPr>
        <p:spPr>
          <a:xfrm>
            <a:off x="7056425" y="2633283"/>
            <a:ext cx="1251850" cy="1154832"/>
          </a:xfrm>
          <a:custGeom>
            <a:rect b="b" l="l" r="r" t="t"/>
            <a:pathLst>
              <a:path extrusionOk="0" h="2887080" w="3129626">
                <a:moveTo>
                  <a:pt x="0" y="0"/>
                </a:moveTo>
                <a:lnTo>
                  <a:pt x="3129626" y="0"/>
                </a:lnTo>
                <a:lnTo>
                  <a:pt x="3129626" y="2887080"/>
                </a:lnTo>
                <a:lnTo>
                  <a:pt x="0" y="28870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227" name="Google Shape;227;p13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31" name="Shape 2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2" name="Google Shape;232;p14"/>
          <p:cNvSpPr/>
          <p:nvPr/>
        </p:nvSpPr>
        <p:spPr>
          <a:xfrm>
            <a:off x="8202700" y="1616338"/>
            <a:ext cx="3508200" cy="2574900"/>
          </a:xfrm>
          <a:prstGeom prst="ellipse">
            <a:avLst/>
          </a:prstGeom>
          <a:solidFill>
            <a:srgbClr val="F6B26B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3" name="Google Shape;233;p14"/>
          <p:cNvSpPr/>
          <p:nvPr/>
        </p:nvSpPr>
        <p:spPr>
          <a:xfrm>
            <a:off x="2362925" y="4222525"/>
            <a:ext cx="3694200" cy="2354700"/>
          </a:xfrm>
          <a:prstGeom prst="ellipse">
            <a:avLst/>
          </a:prstGeom>
          <a:solidFill>
            <a:srgbClr val="FFE77E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4" name="Google Shape;234;p14"/>
          <p:cNvSpPr/>
          <p:nvPr/>
        </p:nvSpPr>
        <p:spPr>
          <a:xfrm>
            <a:off x="6300750" y="4115050"/>
            <a:ext cx="3508200" cy="2574900"/>
          </a:xfrm>
          <a:prstGeom prst="ellipse">
            <a:avLst/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5" name="Google Shape;235;p14"/>
          <p:cNvSpPr/>
          <p:nvPr/>
        </p:nvSpPr>
        <p:spPr>
          <a:xfrm>
            <a:off x="608100" y="1714800"/>
            <a:ext cx="3399900" cy="2574900"/>
          </a:xfrm>
          <a:prstGeom prst="ellipse">
            <a:avLst/>
          </a:prstGeom>
          <a:solidFill>
            <a:schemeClr val="accent2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6" name="Google Shape;236;p14"/>
          <p:cNvSpPr txBox="1"/>
          <p:nvPr/>
        </p:nvSpPr>
        <p:spPr>
          <a:xfrm>
            <a:off x="2383050" y="393400"/>
            <a:ext cx="7425900" cy="785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meljna načela</a:t>
            </a: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oja vode </a:t>
            </a:r>
            <a:r>
              <a:rPr b="1" i="0" lang="en-US" sz="28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varanje</a:t>
            </a: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8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nimljivih iskustava učenja</a:t>
            </a: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I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37" name="Google Shape;237;p14"/>
          <p:cNvGrpSpPr/>
          <p:nvPr/>
        </p:nvGrpSpPr>
        <p:grpSpPr>
          <a:xfrm>
            <a:off x="5470062" y="1356710"/>
            <a:ext cx="1251876" cy="358096"/>
            <a:chOff x="5470062" y="1167647"/>
            <a:chExt cx="1251876" cy="358096"/>
          </a:xfrm>
        </p:grpSpPr>
        <p:sp>
          <p:nvSpPr>
            <p:cNvPr id="238" name="Google Shape;238;p14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39" name="Google Shape;239;p14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40" name="Google Shape;240;p14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241" name="Google Shape;241;p14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42" name="Google Shape;242;p14"/>
          <p:cNvSpPr txBox="1"/>
          <p:nvPr/>
        </p:nvSpPr>
        <p:spPr>
          <a:xfrm>
            <a:off x="223800" y="2278800"/>
            <a:ext cx="4168500" cy="1323399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Relevantnost:</a:t>
            </a:r>
            <a:b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brinite se da se sadržaj uskladi s ciljevima, potrebama i stvarnim aplikacijama učenika.</a:t>
            </a:r>
            <a:endParaRPr b="1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3" name="Google Shape;243;p14"/>
          <p:cNvSpPr txBox="1"/>
          <p:nvPr/>
        </p:nvSpPr>
        <p:spPr>
          <a:xfrm>
            <a:off x="8295250" y="1909450"/>
            <a:ext cx="3323100" cy="1508065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Interaktivnost:</a:t>
            </a:r>
            <a:b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aktivnosti koje potiču sudjelovanje, rasprave i praktično učenje.</a:t>
            </a:r>
            <a:endParaRPr b="1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4" name="Google Shape;244;p14"/>
          <p:cNvSpPr txBox="1"/>
          <p:nvPr/>
        </p:nvSpPr>
        <p:spPr>
          <a:xfrm>
            <a:off x="2265875" y="4602850"/>
            <a:ext cx="3888300" cy="186200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vratne informacije:</a:t>
            </a:r>
            <a:b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užite pravovremene povratne informacije kako biste usmjerili napredak učenika i ojačali njihove napore</a:t>
            </a: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b="1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5" name="Google Shape;245;p14"/>
          <p:cNvSpPr txBox="1"/>
          <p:nvPr/>
        </p:nvSpPr>
        <p:spPr>
          <a:xfrm>
            <a:off x="6322800" y="4408150"/>
            <a:ext cx="3464100" cy="186200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ilagodljivost:</a:t>
            </a:r>
            <a:b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Dizajn za različite stilove i preferencije učenja, prilagođavajući se različitim tempom i formatima.</a:t>
            </a:r>
            <a:endParaRPr b="1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6" name="Google Shape;246;p14"/>
          <p:cNvSpPr/>
          <p:nvPr/>
        </p:nvSpPr>
        <p:spPr>
          <a:xfrm rot="2168123">
            <a:off x="4884701" y="2035241"/>
            <a:ext cx="2441309" cy="2252107"/>
          </a:xfrm>
          <a:custGeom>
            <a:rect b="b" l="l" r="r" t="t"/>
            <a:pathLst>
              <a:path extrusionOk="0" h="2887080" w="3129626">
                <a:moveTo>
                  <a:pt x="0" y="0"/>
                </a:moveTo>
                <a:lnTo>
                  <a:pt x="3129626" y="0"/>
                </a:lnTo>
                <a:lnTo>
                  <a:pt x="3129626" y="2887080"/>
                </a:lnTo>
                <a:lnTo>
                  <a:pt x="0" y="28870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247" name="Google Shape;247;p1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51" name="Shape 25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2" name="Google Shape;252;p15"/>
          <p:cNvSpPr/>
          <p:nvPr/>
        </p:nvSpPr>
        <p:spPr>
          <a:xfrm>
            <a:off x="7729600" y="1629450"/>
            <a:ext cx="3964200" cy="2354700"/>
          </a:xfrm>
          <a:prstGeom prst="ellipse">
            <a:avLst/>
          </a:prstGeom>
          <a:solidFill>
            <a:schemeClr val="accent2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3" name="Google Shape;253;p15"/>
          <p:cNvSpPr/>
          <p:nvPr/>
        </p:nvSpPr>
        <p:spPr>
          <a:xfrm>
            <a:off x="6386250" y="3961775"/>
            <a:ext cx="3508200" cy="2574900"/>
          </a:xfrm>
          <a:prstGeom prst="ellipse">
            <a:avLst/>
          </a:prstGeom>
          <a:solidFill>
            <a:srgbClr val="F6B26B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4" name="Google Shape;254;p15"/>
          <p:cNvSpPr/>
          <p:nvPr/>
        </p:nvSpPr>
        <p:spPr>
          <a:xfrm>
            <a:off x="2381100" y="3961825"/>
            <a:ext cx="3508200" cy="2574900"/>
          </a:xfrm>
          <a:prstGeom prst="ellipse">
            <a:avLst/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5" name="Google Shape;255;p15"/>
          <p:cNvSpPr/>
          <p:nvPr/>
        </p:nvSpPr>
        <p:spPr>
          <a:xfrm>
            <a:off x="473900" y="1705650"/>
            <a:ext cx="3694200" cy="2354700"/>
          </a:xfrm>
          <a:prstGeom prst="ellipse">
            <a:avLst/>
          </a:prstGeom>
          <a:solidFill>
            <a:srgbClr val="FFE77E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6" name="Google Shape;256;p15"/>
          <p:cNvSpPr txBox="1"/>
          <p:nvPr/>
        </p:nvSpPr>
        <p:spPr>
          <a:xfrm>
            <a:off x="2383050" y="357325"/>
            <a:ext cx="7425900" cy="785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meljna načela</a:t>
            </a: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oja vode </a:t>
            </a:r>
            <a:r>
              <a:rPr b="1" i="0" lang="en-US" sz="28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varanje</a:t>
            </a: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8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nimljivih iskustava učenja</a:t>
            </a: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II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57" name="Google Shape;257;p15"/>
          <p:cNvGrpSpPr/>
          <p:nvPr/>
        </p:nvGrpSpPr>
        <p:grpSpPr>
          <a:xfrm>
            <a:off x="5470012" y="1367709"/>
            <a:ext cx="1251984" cy="358200"/>
            <a:chOff x="5470062" y="1167647"/>
            <a:chExt cx="1251984" cy="358200"/>
          </a:xfrm>
        </p:grpSpPr>
        <p:sp>
          <p:nvSpPr>
            <p:cNvPr id="258" name="Google Shape;258;p1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59" name="Google Shape;259;p1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60" name="Google Shape;260;p1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261" name="Google Shape;261;p15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62" name="Google Shape;262;p15"/>
          <p:cNvSpPr txBox="1"/>
          <p:nvPr/>
        </p:nvSpPr>
        <p:spPr>
          <a:xfrm>
            <a:off x="6471750" y="4297175"/>
            <a:ext cx="3337200" cy="159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Jasnoća:</a:t>
            </a:r>
            <a:b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edstavite sadržaj jasno i sažeto, izbjegavajući nepotrebnu složenost.</a:t>
            </a:r>
            <a:endParaRPr b="1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3" name="Google Shape;263;p15"/>
          <p:cNvSpPr txBox="1"/>
          <p:nvPr/>
        </p:nvSpPr>
        <p:spPr>
          <a:xfrm>
            <a:off x="338900" y="2083350"/>
            <a:ext cx="3964200" cy="159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ocjena:</a:t>
            </a:r>
            <a:b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procjene koje odražavaju izazove iz stvarnog svijeta i procijenite ovladavanje.</a:t>
            </a:r>
            <a:endParaRPr b="1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4" name="Google Shape;264;p15"/>
          <p:cNvSpPr txBox="1"/>
          <p:nvPr/>
        </p:nvSpPr>
        <p:spPr>
          <a:xfrm>
            <a:off x="7687275" y="2007150"/>
            <a:ext cx="4095000" cy="159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Motivacija:</a:t>
            </a:r>
            <a:b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Koristite uvjerljive priče, vizuale i scenarije kako biste emocionalno angažirali učenike.</a:t>
            </a:r>
            <a:endParaRPr b="1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5" name="Google Shape;265;p15"/>
          <p:cNvSpPr txBox="1"/>
          <p:nvPr/>
        </p:nvSpPr>
        <p:spPr>
          <a:xfrm>
            <a:off x="2636100" y="4254925"/>
            <a:ext cx="2998200" cy="1988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Suradnja:</a:t>
            </a:r>
            <a:b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omicati suradnju kroz grupni rad, rasprave i vršnjačko učenje.</a:t>
            </a:r>
            <a:endParaRPr b="1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6" name="Google Shape;266;p15"/>
          <p:cNvSpPr/>
          <p:nvPr/>
        </p:nvSpPr>
        <p:spPr>
          <a:xfrm rot="2168123">
            <a:off x="4884701" y="2035241"/>
            <a:ext cx="2441309" cy="2252107"/>
          </a:xfrm>
          <a:custGeom>
            <a:rect b="b" l="l" r="r" t="t"/>
            <a:pathLst>
              <a:path extrusionOk="0" h="2887080" w="3129626">
                <a:moveTo>
                  <a:pt x="0" y="0"/>
                </a:moveTo>
                <a:lnTo>
                  <a:pt x="3129626" y="0"/>
                </a:lnTo>
                <a:lnTo>
                  <a:pt x="3129626" y="2887080"/>
                </a:lnTo>
                <a:lnTo>
                  <a:pt x="0" y="28870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267" name="Google Shape;267;p15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71" name="Shape 2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72" name="Google Shape;272;p16"/>
          <p:cNvPicPr preferRelativeResize="0"/>
          <p:nvPr/>
        </p:nvPicPr>
        <p:blipFill rotWithShape="1">
          <a:blip r:embed="rId3">
            <a:alphaModFix/>
          </a:blip>
          <a:srcRect b="5159" l="0" r="3473" t="0"/>
          <a:stretch/>
        </p:blipFill>
        <p:spPr>
          <a:xfrm>
            <a:off x="6655400" y="2703825"/>
            <a:ext cx="5479800" cy="4154175"/>
          </a:xfrm>
          <a:prstGeom prst="rect">
            <a:avLst/>
          </a:prstGeom>
          <a:noFill/>
          <a:ln>
            <a:noFill/>
          </a:ln>
        </p:spPr>
      </p:pic>
      <p:sp>
        <p:nvSpPr>
          <p:cNvPr id="273" name="Google Shape;273;p16"/>
          <p:cNvSpPr txBox="1"/>
          <p:nvPr/>
        </p:nvSpPr>
        <p:spPr>
          <a:xfrm>
            <a:off x="2770718" y="214474"/>
            <a:ext cx="5629583" cy="753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ktivnost u malim grupama: osmišljavanje mini lekcije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74" name="Google Shape;274;p16"/>
          <p:cNvGrpSpPr/>
          <p:nvPr/>
        </p:nvGrpSpPr>
        <p:grpSpPr>
          <a:xfrm>
            <a:off x="5470021" y="1167649"/>
            <a:ext cx="1096393" cy="258975"/>
            <a:chOff x="5470062" y="1167647"/>
            <a:chExt cx="1251876" cy="358096"/>
          </a:xfrm>
        </p:grpSpPr>
        <p:sp>
          <p:nvSpPr>
            <p:cNvPr id="275" name="Google Shape;275;p16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76" name="Google Shape;276;p16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77" name="Google Shape;277;p16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278" name="Google Shape;278;p16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79" name="Google Shape;279;p16"/>
          <p:cNvSpPr txBox="1"/>
          <p:nvPr/>
        </p:nvSpPr>
        <p:spPr>
          <a:xfrm>
            <a:off x="700425" y="1455825"/>
            <a:ext cx="8001600" cy="4449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683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Philosopher"/>
              <a:buAutoNum type="arabicPeriod"/>
            </a:pP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3-4 grupe ljudi (maks. - ukupno 8 grupa)</a:t>
            </a: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;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683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Philosopher"/>
              <a:buAutoNum type="arabicPeriod"/>
            </a:pP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8 predložaka</a:t>
            </a: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za dizajniranje mini lekcije. (Svaki predložak usklađen je s određenim načelom nastavnog dizajna);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683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Philosopher"/>
              <a:buAutoNum type="arabicPeriod"/>
            </a:pP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Grupa dizajnira kratku mini lekciju</a:t>
            </a: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na temelju dodijeljenog načela. Odaberite </a:t>
            </a: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temu koja se odnosi na teško dostupne interese učenika</a:t>
            </a: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i imajte na umu </a:t>
            </a: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digitalna okruženja</a:t>
            </a: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;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683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Philosopher"/>
              <a:buAutoNum type="arabicPeriod"/>
            </a:pP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Svaka skupina </a:t>
            </a: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edstavlja svoju osmišljenu</a:t>
            </a: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mini lekciju, objašnjavajući kako su primijenili određeni princip oblikovanja instrukcija;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683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Philosopher"/>
              <a:buAutoNum type="arabicPeriod"/>
            </a:pP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Grupe pružaju konstruktivne povratne informacije</a:t>
            </a: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jedna drugoj</a:t>
            </a: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, ističući prednosti i predlažući poboljšanja.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80" name="Google Shape;280;p16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84" name="Shape 2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85" name="Google Shape;285;p17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6948650" y="1466650"/>
            <a:ext cx="5243351" cy="5243351"/>
          </a:xfrm>
          <a:prstGeom prst="rect">
            <a:avLst/>
          </a:prstGeom>
          <a:noFill/>
          <a:ln>
            <a:noFill/>
          </a:ln>
        </p:spPr>
      </p:pic>
      <p:sp>
        <p:nvSpPr>
          <p:cNvPr id="286" name="Google Shape;286;p17"/>
          <p:cNvSpPr txBox="1"/>
          <p:nvPr/>
        </p:nvSpPr>
        <p:spPr>
          <a:xfrm>
            <a:off x="3897883" y="609318"/>
            <a:ext cx="4396233" cy="440857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edložak 1: Relevantnost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87" name="Google Shape;287;p17"/>
          <p:cNvGrpSpPr/>
          <p:nvPr/>
        </p:nvGrpSpPr>
        <p:grpSpPr>
          <a:xfrm>
            <a:off x="5470062" y="1167647"/>
            <a:ext cx="1251876" cy="358096"/>
            <a:chOff x="5470062" y="1167647"/>
            <a:chExt cx="1251876" cy="358096"/>
          </a:xfrm>
        </p:grpSpPr>
        <p:sp>
          <p:nvSpPr>
            <p:cNvPr id="288" name="Google Shape;288;p17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89" name="Google Shape;289;p17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90" name="Google Shape;290;p17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291" name="Google Shape;291;p17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92" name="Google Shape;292;p17"/>
          <p:cNvSpPr txBox="1"/>
          <p:nvPr/>
        </p:nvSpPr>
        <p:spPr>
          <a:xfrm>
            <a:off x="772200" y="1985775"/>
            <a:ext cx="8775000" cy="42051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ilj nastave:</a:t>
            </a:r>
            <a:r>
              <a:rPr b="1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Jasno navesti cilj mini lekcije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Kuka: 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edstavite temu stvarnim scenarijem ili pitanjem koje zaokuplja interes učenika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Aktivnost prijave: 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aktivnost u kojoj učenici primjenjuju sadržaj lekcije na praktičnu situaciju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asprava: 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taknite učenike da razgovaraju o tome kako se koncepti lekcije odnose na njihove živote ili iskustva.</a:t>
            </a:r>
            <a:endParaRPr b="0" i="0" sz="1200" u="none" cap="none" strike="noStrike">
              <a:solidFill>
                <a:srgbClr val="37415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t/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93" name="Google Shape;293;p17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97" name="Shape 2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8" name="Google Shape;298;p18"/>
          <p:cNvPicPr preferRelativeResize="0"/>
          <p:nvPr/>
        </p:nvPicPr>
        <p:blipFill rotWithShape="1">
          <a:blip r:embed="rId3">
            <a:alphaModFix amt="19000"/>
          </a:blip>
          <a:srcRect b="4832" l="0" r="0" t="10836"/>
          <a:stretch/>
        </p:blipFill>
        <p:spPr>
          <a:xfrm>
            <a:off x="5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299" name="Google Shape;299;p18"/>
          <p:cNvSpPr txBox="1"/>
          <p:nvPr/>
        </p:nvSpPr>
        <p:spPr>
          <a:xfrm>
            <a:off x="2920000" y="565073"/>
            <a:ext cx="5491923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edložak 2: Interaktivnost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00" name="Google Shape;300;p18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01" name="Google Shape;301;p1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02" name="Google Shape;302;p1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03" name="Google Shape;303;p1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304" name="Google Shape;304;p18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05" name="Google Shape;305;p18"/>
          <p:cNvSpPr txBox="1"/>
          <p:nvPr/>
        </p:nvSpPr>
        <p:spPr>
          <a:xfrm>
            <a:off x="1367526" y="1843750"/>
            <a:ext cx="9456900" cy="4012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ilj nastave:</a:t>
            </a:r>
            <a:r>
              <a:rPr b="1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Navedite ishod učenja mini lekcije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Interaktivna aktivnost: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Uključite zanimljivu aktivnost koja zahtijeva sudjelovanje učenika, kao što je grupna rasprava, analiza studije slučaja ili interaktivni kviz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Suradnja: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Uključite element suradnje koji potiče učenike da rade zajedno kako bi riješili problem ili dovršili zadatak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ovratne informacije:</a:t>
            </a:r>
            <a:r>
              <a:rPr b="0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užite neposredne povratne informacije o interaktivnim aktivnostima kako biste ojačali učenje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06" name="Google Shape;306;p1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310" name="Shape 3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11" name="Google Shape;311;p19"/>
          <p:cNvPicPr preferRelativeResize="0"/>
          <p:nvPr/>
        </p:nvPicPr>
        <p:blipFill rotWithShape="1">
          <a:blip r:embed="rId3">
            <a:alphaModFix amt="50000"/>
          </a:blip>
          <a:srcRect b="0" l="16492" r="0" t="0"/>
          <a:stretch/>
        </p:blipFill>
        <p:spPr>
          <a:xfrm>
            <a:off x="6324600" y="1616725"/>
            <a:ext cx="5633823" cy="4512900"/>
          </a:xfrm>
          <a:prstGeom prst="rect">
            <a:avLst/>
          </a:prstGeom>
          <a:noFill/>
          <a:ln>
            <a:noFill/>
          </a:ln>
        </p:spPr>
      </p:pic>
      <p:sp>
        <p:nvSpPr>
          <p:cNvPr id="312" name="Google Shape;312;p19"/>
          <p:cNvSpPr txBox="1"/>
          <p:nvPr/>
        </p:nvSpPr>
        <p:spPr>
          <a:xfrm>
            <a:off x="3279089" y="303955"/>
            <a:ext cx="5633822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edložak 3: Povratne informacije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13" name="Google Shape;313;p19"/>
          <p:cNvGrpSpPr/>
          <p:nvPr/>
        </p:nvGrpSpPr>
        <p:grpSpPr>
          <a:xfrm>
            <a:off x="5470062" y="862847"/>
            <a:ext cx="1251984" cy="358200"/>
            <a:chOff x="5470062" y="1167647"/>
            <a:chExt cx="1251984" cy="358200"/>
          </a:xfrm>
        </p:grpSpPr>
        <p:sp>
          <p:nvSpPr>
            <p:cNvPr id="314" name="Google Shape;314;p1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15" name="Google Shape;315;p1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16" name="Google Shape;316;p1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317" name="Google Shape;317;p19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18" name="Google Shape;318;p19"/>
          <p:cNvSpPr txBox="1"/>
          <p:nvPr/>
        </p:nvSpPr>
        <p:spPr>
          <a:xfrm>
            <a:off x="236950" y="1715125"/>
            <a:ext cx="6242400" cy="4163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ilj nastave: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Navesti predviđeni ishod mini lekcije.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rocjena: 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aktivnost formativnog ocjenjivanja u kojoj učenici mogu primijeniti ono što su naučili.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etlja povratnih informacija:</a:t>
            </a: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navedite kako će učenici dobiti povratne informacije o svojim procjenama, bilo putem samoprocjene, recenzije ili povratnih informacija od instruktora.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azmišljanje: 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odjeljak u kojem učenici razmišljaju o svojim rezultatima procjene i identificiraju područja za poboljšanje.</a:t>
            </a:r>
            <a:endParaRPr b="1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19" name="Google Shape;319;p1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46" name="Shape 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" name="Google Shape;47;p2"/>
          <p:cNvSpPr/>
          <p:nvPr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Close-up of hands holding coins  Description automatically generated with medium confidence" id="48" name="Google Shape;48;p2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0" l="25403" r="25403" t="0"/>
          <a:stretch/>
        </p:blipFill>
        <p:spPr>
          <a:xfrm>
            <a:off x="1610913" y="1464429"/>
            <a:ext cx="2771775" cy="3756025"/>
          </a:xfrm>
          <a:prstGeom prst="rect">
            <a:avLst/>
          </a:prstGeom>
          <a:noFill/>
          <a:ln>
            <a:noFill/>
          </a:ln>
        </p:spPr>
      </p:pic>
      <p:sp>
        <p:nvSpPr>
          <p:cNvPr id="49" name="Google Shape;49;p2"/>
          <p:cNvSpPr txBox="1"/>
          <p:nvPr/>
        </p:nvSpPr>
        <p:spPr>
          <a:xfrm>
            <a:off x="7554300" y="811693"/>
            <a:ext cx="2019265" cy="36718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DUL 3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0" name="Google Shape;50;p2"/>
          <p:cNvSpPr txBox="1"/>
          <p:nvPr/>
        </p:nvSpPr>
        <p:spPr>
          <a:xfrm>
            <a:off x="7201695" y="2174891"/>
            <a:ext cx="3976200" cy="1159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Ovaj modul uključuje 14 sati sadržaja za učenje.</a:t>
            </a:r>
            <a:endParaRPr b="0" i="0" sz="2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1" name="Google Shape;51;p2"/>
          <p:cNvSpPr txBox="1"/>
          <p:nvPr/>
        </p:nvSpPr>
        <p:spPr>
          <a:xfrm>
            <a:off x="6338341" y="3544798"/>
            <a:ext cx="2761800" cy="900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b="1" i="0" lang="en-US" sz="3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 sati F2F učenja</a:t>
            </a:r>
            <a:endParaRPr b="1" i="0" sz="3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" name="Google Shape;52;p2"/>
          <p:cNvSpPr txBox="1"/>
          <p:nvPr/>
        </p:nvSpPr>
        <p:spPr>
          <a:xfrm>
            <a:off x="8936406" y="3722421"/>
            <a:ext cx="2919000" cy="900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b="1" i="0" lang="en-US" sz="3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8 sati samostalnog učenja</a:t>
            </a:r>
            <a:endParaRPr/>
          </a:p>
        </p:txBody>
      </p:sp>
      <p:sp>
        <p:nvSpPr>
          <p:cNvPr id="53" name="Google Shape;53;p2"/>
          <p:cNvSpPr txBox="1"/>
          <p:nvPr/>
        </p:nvSpPr>
        <p:spPr>
          <a:xfrm>
            <a:off x="6330156" y="4656100"/>
            <a:ext cx="2761818" cy="2088041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marR="0" rtl="0" algn="just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600"/>
              <a:buFont typeface="Arial"/>
              <a:buNone/>
            </a:pPr>
            <a:r>
              <a:rPr b="0" i="0" lang="en-US" sz="16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Ova prezentacija obuhvaća 6 sati učenja F2F.</a:t>
            </a:r>
            <a:endParaRPr/>
          </a:p>
          <a:p>
            <a:pPr indent="0" lvl="0" marL="0" marR="0" rtl="0" algn="l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600"/>
              <a:buFont typeface="Arial"/>
              <a:buNone/>
            </a:pPr>
            <a:r>
              <a:rPr b="0" i="0" lang="en-US" sz="16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To je popraćeno Nastavnim planom za edukatora.</a:t>
            </a:r>
            <a:endParaRPr b="0" i="0" sz="16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4" name="Google Shape;54;p2"/>
          <p:cNvSpPr txBox="1"/>
          <p:nvPr/>
        </p:nvSpPr>
        <p:spPr>
          <a:xfrm>
            <a:off x="8935200" y="5011450"/>
            <a:ext cx="2919000" cy="1271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marR="0" rtl="0" algn="r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600"/>
              <a:buFont typeface="Arial"/>
              <a:buNone/>
            </a:pPr>
            <a:r>
              <a:rPr b="0" i="0" lang="en-US" sz="16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rođite kroz prezentaciju s resursima za samostalno učenje vlastitim tempom!</a:t>
            </a:r>
            <a:endParaRPr b="0" i="0" sz="16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grpSp>
        <p:nvGrpSpPr>
          <p:cNvPr id="55" name="Google Shape;55;p2"/>
          <p:cNvGrpSpPr/>
          <p:nvPr/>
        </p:nvGrpSpPr>
        <p:grpSpPr>
          <a:xfrm>
            <a:off x="7937994" y="1428370"/>
            <a:ext cx="1251876" cy="358096"/>
            <a:chOff x="5470062" y="1167647"/>
            <a:chExt cx="1251876" cy="358096"/>
          </a:xfrm>
        </p:grpSpPr>
        <p:sp>
          <p:nvSpPr>
            <p:cNvPr id="56" name="Google Shape;56;p2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7" name="Google Shape;57;p2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8" name="Google Shape;58;p2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59" name="Google Shape;59;p2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252595" y="-167864"/>
            <a:ext cx="2386989" cy="1687495"/>
          </a:xfrm>
          <a:prstGeom prst="rect">
            <a:avLst/>
          </a:prstGeom>
          <a:noFill/>
          <a:ln>
            <a:noFill/>
          </a:ln>
        </p:spPr>
      </p:pic>
      <p:pic>
        <p:nvPicPr>
          <p:cNvPr id="60" name="Google Shape;60;p2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323" name="Shape 3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24" name="Google Shape;324;p20"/>
          <p:cNvPicPr preferRelativeResize="0"/>
          <p:nvPr/>
        </p:nvPicPr>
        <p:blipFill rotWithShape="1">
          <a:blip r:embed="rId3">
            <a:alphaModFix amt="10000"/>
          </a:blip>
          <a:srcRect b="11013" l="0" r="0" t="12181"/>
          <a:stretch/>
        </p:blipFill>
        <p:spPr>
          <a:xfrm>
            <a:off x="9832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325" name="Google Shape;325;p20"/>
          <p:cNvSpPr txBox="1"/>
          <p:nvPr/>
        </p:nvSpPr>
        <p:spPr>
          <a:xfrm>
            <a:off x="3278450" y="510076"/>
            <a:ext cx="5491923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edložak 4: Prilagodljivost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26" name="Google Shape;326;p20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27" name="Google Shape;327;p2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28" name="Google Shape;328;p2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29" name="Google Shape;329;p2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330" name="Google Shape;330;p20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31" name="Google Shape;331;p20"/>
          <p:cNvSpPr txBox="1"/>
          <p:nvPr/>
        </p:nvSpPr>
        <p:spPr>
          <a:xfrm>
            <a:off x="1501925" y="2110538"/>
            <a:ext cx="9188100" cy="3588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ilj poučavanja: 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Definirajte cilj učenja mini lekcije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iše modaliteta:</a:t>
            </a:r>
            <a:r>
              <a:rPr b="0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sadržaj u različitim formatima (tekst, video, audio) kako biste zadovoljili različite preferencije učenja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Opcije za istraživanje: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Ponudite dodatne resurse ili neobavezne aktivnosti učenicima koji žele dublje zaroniti u temu.</a:t>
            </a:r>
            <a:endParaRPr b="0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rilagođavanje: </a:t>
            </a:r>
            <a:r>
              <a:rPr b="0" i="0" lang="en-US" sz="24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užite učenicima izbor načina na koji pristupaju određenim dijelovima lekcije na temelju njihovih interesa ili stila učenja.</a:t>
            </a:r>
            <a:endParaRPr b="1" i="0" sz="24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32" name="Google Shape;332;p2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336" name="Shape 3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" name="Google Shape;337;p21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edložak 5: Jasnoća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38" name="Google Shape;338;p21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39" name="Google Shape;339;p2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40" name="Google Shape;340;p2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41" name="Google Shape;341;p2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342" name="Google Shape;342;p21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43" name="Google Shape;343;p21"/>
          <p:cNvSpPr txBox="1"/>
          <p:nvPr/>
        </p:nvSpPr>
        <p:spPr>
          <a:xfrm>
            <a:off x="313900" y="1839750"/>
            <a:ext cx="7210800" cy="4012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Nastavni cilj:</a:t>
            </a:r>
            <a:r>
              <a:rPr b="0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asno artikulirajte željeni ishod učenja.</a:t>
            </a:r>
            <a:endParaRPr b="0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Jednostavnost:</a:t>
            </a:r>
            <a:r>
              <a:rPr b="0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edstavite sadržaj na jasan i sažet način, izbjegavajući žargon ili nepotrebnu složenost.</a:t>
            </a:r>
            <a:endParaRPr b="0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izualna pomagala:</a:t>
            </a:r>
            <a:r>
              <a:rPr b="0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vizuale, kao što su dijagrami ili infografike, kako biste ilustrirali ključne koncepte.</a:t>
            </a:r>
            <a:endParaRPr b="0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3"/>
                </a:solidFill>
                <a:latin typeface="Philosopher"/>
                <a:ea typeface="Philosopher"/>
                <a:cs typeface="Philosopher"/>
                <a:sym typeface="Philosopher"/>
              </a:rPr>
              <a:t>Korak po korak:</a:t>
            </a:r>
            <a:r>
              <a:rPr b="0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dijelite složene procese u detaljne upute za lakše razumijevanje.</a:t>
            </a:r>
            <a:endParaRPr b="1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44" name="Google Shape;344;p21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7372300" y="1540900"/>
            <a:ext cx="4610500" cy="4610500"/>
          </a:xfrm>
          <a:prstGeom prst="rect">
            <a:avLst/>
          </a:prstGeom>
          <a:noFill/>
          <a:ln>
            <a:noFill/>
          </a:ln>
        </p:spPr>
      </p:pic>
      <p:pic>
        <p:nvPicPr>
          <p:cNvPr id="345" name="Google Shape;345;p21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349" name="Shape 3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50" name="Google Shape;350;p22"/>
          <p:cNvPicPr preferRelativeResize="0"/>
          <p:nvPr/>
        </p:nvPicPr>
        <p:blipFill rotWithShape="1">
          <a:blip r:embed="rId3">
            <a:alphaModFix amt="16000"/>
          </a:blip>
          <a:srcRect b="0" l="0" r="0" t="19120"/>
          <a:stretch/>
        </p:blipFill>
        <p:spPr>
          <a:xfrm>
            <a:off x="0" y="0"/>
            <a:ext cx="12192000" cy="6857999"/>
          </a:xfrm>
          <a:prstGeom prst="rect">
            <a:avLst/>
          </a:prstGeom>
          <a:noFill/>
          <a:ln>
            <a:noFill/>
          </a:ln>
        </p:spPr>
      </p:pic>
      <p:sp>
        <p:nvSpPr>
          <p:cNvPr id="351" name="Google Shape;351;p22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edložak 6: Procjena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52" name="Google Shape;352;p22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53" name="Google Shape;353;p2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54" name="Google Shape;354;p2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55" name="Google Shape;355;p2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356" name="Google Shape;356;p22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57" name="Google Shape;357;p22"/>
          <p:cNvSpPr txBox="1"/>
          <p:nvPr/>
        </p:nvSpPr>
        <p:spPr>
          <a:xfrm>
            <a:off x="1304225" y="1872775"/>
            <a:ext cx="9583500" cy="3588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ilj nastave: </a:t>
            </a:r>
            <a:r>
              <a:rPr b="0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vesti cilj učenja mini lekcije.</a:t>
            </a:r>
            <a:endParaRPr b="0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Zadatak aplikacije: </a:t>
            </a:r>
            <a:r>
              <a:rPr b="0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smislite zadatak aplikacije koji zahtijeva od učenika da primijene koncepte lekcije na određeni scenarij.</a:t>
            </a:r>
            <a:endParaRPr b="0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ubrika ili kriteriji:</a:t>
            </a:r>
            <a: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vedite jasne kriterije ocjenjivanja za zadatak prijave, objašnjavajući kako će se učenici ocjenjivati.</a:t>
            </a:r>
            <a:endParaRPr b="0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efleksija: </a:t>
            </a:r>
            <a:r>
              <a:rPr b="0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komponentu refleksije u kojoj učenici raspravljaju o onome što su naučili iz iskustva ocjenjivanja.</a:t>
            </a:r>
            <a:endParaRPr b="1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58" name="Google Shape;358;p22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362" name="Shape 36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63" name="Google Shape;363;p23"/>
          <p:cNvPicPr preferRelativeResize="0"/>
          <p:nvPr/>
        </p:nvPicPr>
        <p:blipFill rotWithShape="1">
          <a:blip r:embed="rId3">
            <a:alphaModFix/>
          </a:blip>
          <a:srcRect b="1100" l="-301" r="49994" t="-1100"/>
          <a:stretch/>
        </p:blipFill>
        <p:spPr>
          <a:xfrm>
            <a:off x="0" y="2159725"/>
            <a:ext cx="5807273" cy="4698275"/>
          </a:xfrm>
          <a:prstGeom prst="rect">
            <a:avLst/>
          </a:prstGeom>
          <a:noFill/>
          <a:ln>
            <a:noFill/>
          </a:ln>
        </p:spPr>
      </p:pic>
      <p:sp>
        <p:nvSpPr>
          <p:cNvPr id="364" name="Google Shape;364;p23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edložak 7: Motivacija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65" name="Google Shape;365;p23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66" name="Google Shape;366;p2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67" name="Google Shape;367;p2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68" name="Google Shape;368;p2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369" name="Google Shape;369;p23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70" name="Google Shape;370;p23"/>
          <p:cNvSpPr txBox="1"/>
          <p:nvPr/>
        </p:nvSpPr>
        <p:spPr>
          <a:xfrm>
            <a:off x="5188925" y="2159725"/>
            <a:ext cx="6825600" cy="4123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ilj nastave: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pišite namjeravani ishod učenja mini lekcije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ripovijedanje:</a:t>
            </a:r>
            <a:r>
              <a:rPr b="0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čnite s uvjerljivom pričom ili pripoviješću koja se odnosi na sadržaj lekcije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izualni angažman:</a:t>
            </a:r>
            <a:r>
              <a:rPr b="0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vizualne i multimedijske elemente koji poboljšavaju emocionalnu vezu s temom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oziv na akciju:</a:t>
            </a:r>
            <a:r>
              <a:rPr b="0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vršite inspirativnim pozivom na akciju koji potiče učenike da primijene ono što su naučili.</a:t>
            </a:r>
            <a:endParaRPr b="1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71" name="Google Shape;371;p2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18050" y="17995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375" name="Shape 3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76" name="Google Shape;376;p24"/>
          <p:cNvPicPr preferRelativeResize="0"/>
          <p:nvPr/>
        </p:nvPicPr>
        <p:blipFill rotWithShape="1">
          <a:blip r:embed="rId3">
            <a:alphaModFix/>
          </a:blip>
          <a:srcRect b="3427" l="0" r="4516" t="0"/>
          <a:stretch/>
        </p:blipFill>
        <p:spPr>
          <a:xfrm>
            <a:off x="5709100" y="1965700"/>
            <a:ext cx="6450024" cy="4892301"/>
          </a:xfrm>
          <a:prstGeom prst="rect">
            <a:avLst/>
          </a:prstGeom>
          <a:noFill/>
          <a:ln>
            <a:noFill/>
          </a:ln>
        </p:spPr>
      </p:pic>
      <p:sp>
        <p:nvSpPr>
          <p:cNvPr id="377" name="Google Shape;377;p24"/>
          <p:cNvSpPr txBox="1"/>
          <p:nvPr/>
        </p:nvSpPr>
        <p:spPr>
          <a:xfrm>
            <a:off x="3897958" y="3375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edložak 8: Suradnja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78" name="Google Shape;378;p24"/>
          <p:cNvGrpSpPr/>
          <p:nvPr/>
        </p:nvGrpSpPr>
        <p:grpSpPr>
          <a:xfrm>
            <a:off x="5470062" y="939047"/>
            <a:ext cx="1251984" cy="358200"/>
            <a:chOff x="5470062" y="1167647"/>
            <a:chExt cx="1251984" cy="358200"/>
          </a:xfrm>
        </p:grpSpPr>
        <p:sp>
          <p:nvSpPr>
            <p:cNvPr id="379" name="Google Shape;379;p2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80" name="Google Shape;380;p2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81" name="Google Shape;381;p2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382" name="Google Shape;382;p24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83" name="Google Shape;383;p24"/>
          <p:cNvSpPr txBox="1"/>
          <p:nvPr/>
        </p:nvSpPr>
        <p:spPr>
          <a:xfrm>
            <a:off x="501875" y="1381575"/>
            <a:ext cx="5435700" cy="4710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b="1" i="0" lang="en-US" sz="21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Nastavni cilj: </a:t>
            </a:r>
            <a:r>
              <a:rPr b="0" i="0" lang="en-US" sz="21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efinirajte specifični cilj učenja mini lekcije.</a:t>
            </a:r>
            <a:endParaRPr b="0" i="0" sz="2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b="1" i="0" lang="en-US" sz="21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Grupni zadatak:</a:t>
            </a:r>
            <a:r>
              <a:rPr b="0" i="0" lang="en-US" sz="21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Uključite suradnički zadatak koji zahtijeva od učenika da rade zajedno kako bi riješili problem, osmislili ideje ili analizirali slučaj.</a:t>
            </a:r>
            <a:endParaRPr b="0" i="0" sz="2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b="1" i="0" lang="en-US" sz="21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Odbor za raspravu:</a:t>
            </a:r>
            <a:r>
              <a:rPr b="1" i="0" lang="en-US" sz="21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1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sigurajte virtualni prostor za učenike da raspravljaju i dijele svoj suradnički rad.</a:t>
            </a:r>
            <a:endParaRPr b="0" i="0" sz="2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b="1" i="0" lang="en-US" sz="21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azmišljanje:</a:t>
            </a:r>
            <a:r>
              <a:rPr b="0" i="0" lang="en-US" sz="21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Uključite odjeljak za razmišljanje u kojem učenici mogu raspravljati o prednostima i izazovima zajedničkog rada.</a:t>
            </a:r>
            <a:endParaRPr b="1" i="0" sz="2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84" name="Google Shape;384;p2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143925" y="63637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388" name="Shape 3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" name="Google Shape;389;p25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A picture containing logo  Description automatically generated" id="390" name="Google Shape;390;p25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0" l="14652" r="14652" t="0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391" name="Google Shape;391;p25"/>
          <p:cNvSpPr txBox="1"/>
          <p:nvPr/>
        </p:nvSpPr>
        <p:spPr>
          <a:xfrm>
            <a:off x="5464654" y="1678900"/>
            <a:ext cx="12627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. SESIJA 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92" name="Google Shape;392;p25"/>
          <p:cNvSpPr txBox="1"/>
          <p:nvPr/>
        </p:nvSpPr>
        <p:spPr>
          <a:xfrm>
            <a:off x="3824077" y="478778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Komunikacija i interakcija</a:t>
            </a:r>
            <a:endParaRPr b="0" i="0" sz="2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393" name="Google Shape;393;p25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397" name="Shape 3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8" name="Google Shape;398;p26"/>
          <p:cNvSpPr txBox="1"/>
          <p:nvPr/>
        </p:nvSpPr>
        <p:spPr>
          <a:xfrm>
            <a:off x="3897906" y="603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ažetak prethodne sesije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99" name="Google Shape;399;p26"/>
          <p:cNvGrpSpPr/>
          <p:nvPr/>
        </p:nvGrpSpPr>
        <p:grpSpPr>
          <a:xfrm>
            <a:off x="5470012" y="1360322"/>
            <a:ext cx="1251984" cy="358200"/>
            <a:chOff x="5470062" y="1167647"/>
            <a:chExt cx="1251984" cy="358200"/>
          </a:xfrm>
        </p:grpSpPr>
        <p:sp>
          <p:nvSpPr>
            <p:cNvPr id="400" name="Google Shape;400;p2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01" name="Google Shape;401;p2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02" name="Google Shape;402;p2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403" name="Google Shape;403;p26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04" name="Google Shape;404;p26"/>
          <p:cNvSpPr txBox="1"/>
          <p:nvPr/>
        </p:nvSpPr>
        <p:spPr>
          <a:xfrm>
            <a:off x="3091750" y="2421588"/>
            <a:ext cx="8406900" cy="5541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000"/>
              <a:buFont typeface="Arial"/>
              <a:buNone/>
            </a:pPr>
            <a:r>
              <a:rPr b="0" i="0" lang="en-US" sz="3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Načela za uključivanje iskustava učenja;</a:t>
            </a:r>
            <a:endParaRPr b="0" i="0" sz="3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05" name="Google Shape;405;p26"/>
          <p:cNvSpPr/>
          <p:nvPr/>
        </p:nvSpPr>
        <p:spPr>
          <a:xfrm>
            <a:off x="702614" y="1651824"/>
            <a:ext cx="2202877" cy="2093651"/>
          </a:xfrm>
          <a:custGeom>
            <a:rect b="b" l="l" r="r" t="t"/>
            <a:pathLst>
              <a:path extrusionOk="0" h="2093651" w="2202877">
                <a:moveTo>
                  <a:pt x="0" y="0"/>
                </a:moveTo>
                <a:lnTo>
                  <a:pt x="2202876" y="0"/>
                </a:lnTo>
                <a:lnTo>
                  <a:pt x="2202876" y="2093651"/>
                </a:lnTo>
                <a:lnTo>
                  <a:pt x="0" y="2093651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406" name="Google Shape;406;p26"/>
          <p:cNvSpPr txBox="1"/>
          <p:nvPr/>
        </p:nvSpPr>
        <p:spPr>
          <a:xfrm>
            <a:off x="1020600" y="4425600"/>
            <a:ext cx="7273500" cy="11775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000"/>
              <a:buFont typeface="Arial"/>
              <a:buNone/>
            </a:pPr>
            <a:r>
              <a:rPr b="0" i="0" lang="en-US" sz="3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melj za učinkovite strategije komunikacije i interakcije.</a:t>
            </a:r>
            <a:endParaRPr b="0" i="0" sz="3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07" name="Google Shape;407;p26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8322075" y="3745475"/>
            <a:ext cx="2437675" cy="2446475"/>
          </a:xfrm>
          <a:prstGeom prst="rect">
            <a:avLst/>
          </a:prstGeom>
          <a:noFill/>
          <a:ln>
            <a:noFill/>
          </a:ln>
        </p:spPr>
      </p:pic>
      <p:pic>
        <p:nvPicPr>
          <p:cNvPr id="408" name="Google Shape;408;p26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412" name="Shape 41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3" name="Google Shape;413;p27"/>
          <p:cNvSpPr txBox="1"/>
          <p:nvPr/>
        </p:nvSpPr>
        <p:spPr>
          <a:xfrm>
            <a:off x="3897875" y="224754"/>
            <a:ext cx="4396200" cy="8019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munikacijske strategije u digitalnom obrazovanju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14" name="Google Shape;414;p27"/>
          <p:cNvGrpSpPr/>
          <p:nvPr/>
        </p:nvGrpSpPr>
        <p:grpSpPr>
          <a:xfrm>
            <a:off x="5470048" y="1119045"/>
            <a:ext cx="1251876" cy="358096"/>
            <a:chOff x="5470062" y="1167647"/>
            <a:chExt cx="1251876" cy="358096"/>
          </a:xfrm>
        </p:grpSpPr>
        <p:sp>
          <p:nvSpPr>
            <p:cNvPr id="415" name="Google Shape;415;p27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16" name="Google Shape;416;p27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17" name="Google Shape;417;p27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418" name="Google Shape;418;p27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19" name="Google Shape;419;p27"/>
          <p:cNvSpPr txBox="1"/>
          <p:nvPr/>
        </p:nvSpPr>
        <p:spPr>
          <a:xfrm>
            <a:off x="390900" y="2024575"/>
            <a:ext cx="5705100" cy="3260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8735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500"/>
              <a:buFont typeface="Philosopher"/>
              <a:buAutoNum type="arabicPeriod"/>
            </a:pPr>
            <a:r>
              <a:rPr b="1" i="0" lang="en-US" sz="25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Jasne upute:</a:t>
            </a:r>
            <a:r>
              <a:rPr b="0" i="0" lang="en-US" sz="25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Važnost pružanja jasnih i sažetih uputa za aktivnosti učenja;</a:t>
            </a:r>
            <a:endParaRPr b="0" i="0" sz="25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8735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rgbClr val="000000"/>
              </a:buClr>
              <a:buSzPts val="2500"/>
              <a:buFont typeface="Philosopher"/>
              <a:buAutoNum type="arabicPeriod"/>
            </a:pPr>
            <a:r>
              <a:rPr b="1" i="0" lang="en-US" sz="25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avovremene povratne informacije:</a:t>
            </a:r>
            <a:r>
              <a:rPr b="0" i="0" lang="en-US" sz="25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Uloga i mjesto pravovremenih povratnih informacija u održavanju motivacije i napretka učenika;</a:t>
            </a:r>
            <a:endParaRPr b="0" i="1" sz="25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20" name="Google Shape;420;p27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5896150" y="1678575"/>
            <a:ext cx="5897951" cy="4837874"/>
          </a:xfrm>
          <a:prstGeom prst="rect">
            <a:avLst/>
          </a:prstGeom>
          <a:noFill/>
          <a:ln>
            <a:noFill/>
          </a:ln>
        </p:spPr>
      </p:pic>
      <p:pic>
        <p:nvPicPr>
          <p:cNvPr id="421" name="Google Shape;421;p27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425" name="Shape 4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6" name="Google Shape;426;p28"/>
          <p:cNvSpPr txBox="1"/>
          <p:nvPr/>
        </p:nvSpPr>
        <p:spPr>
          <a:xfrm>
            <a:off x="3897875" y="224754"/>
            <a:ext cx="4396200" cy="8019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munikacijske strategije u digitalnom obrazovanju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27" name="Google Shape;427;p28"/>
          <p:cNvGrpSpPr/>
          <p:nvPr/>
        </p:nvGrpSpPr>
        <p:grpSpPr>
          <a:xfrm>
            <a:off x="5470048" y="1119045"/>
            <a:ext cx="1251984" cy="358200"/>
            <a:chOff x="5470062" y="1167647"/>
            <a:chExt cx="1251984" cy="358200"/>
          </a:xfrm>
        </p:grpSpPr>
        <p:sp>
          <p:nvSpPr>
            <p:cNvPr id="428" name="Google Shape;428;p2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29" name="Google Shape;429;p2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30" name="Google Shape;430;p2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431" name="Google Shape;431;p28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32" name="Google Shape;432;p28"/>
          <p:cNvSpPr txBox="1"/>
          <p:nvPr/>
        </p:nvSpPr>
        <p:spPr>
          <a:xfrm>
            <a:off x="6437100" y="2293600"/>
            <a:ext cx="5622300" cy="300334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. Interaktivni sadržaj: </a:t>
            </a:r>
            <a:r>
              <a:rPr b="0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teraktivni sadržaj poput kvizova, anketa i rasprava može potaknuti angažman;</a:t>
            </a:r>
            <a:endParaRPr b="0" i="0" sz="25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. Multimedija: </a:t>
            </a:r>
            <a:r>
              <a:rPr b="0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ultimedija pruža elemente za prenošenje informacija na različite načine;</a:t>
            </a:r>
            <a:endParaRPr b="0" i="0" sz="25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33" name="Google Shape;433;p28"/>
          <p:cNvPicPr preferRelativeResize="0"/>
          <p:nvPr/>
        </p:nvPicPr>
        <p:blipFill rotWithShape="1">
          <a:blip r:embed="rId4">
            <a:alphaModFix amt="70000"/>
          </a:blip>
          <a:srcRect b="0" l="0" r="0" t="0"/>
          <a:stretch/>
        </p:blipFill>
        <p:spPr>
          <a:xfrm>
            <a:off x="613400" y="2154275"/>
            <a:ext cx="5403528" cy="3604337"/>
          </a:xfrm>
          <a:prstGeom prst="rect">
            <a:avLst/>
          </a:prstGeom>
          <a:noFill/>
          <a:ln>
            <a:noFill/>
          </a:ln>
        </p:spPr>
      </p:pic>
      <p:pic>
        <p:nvPicPr>
          <p:cNvPr id="434" name="Google Shape;434;p2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438" name="Shape 43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9" name="Google Shape;439;p29"/>
          <p:cNvSpPr/>
          <p:nvPr/>
        </p:nvSpPr>
        <p:spPr>
          <a:xfrm>
            <a:off x="7728975" y="4571900"/>
            <a:ext cx="3642300" cy="1416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40" name="Google Shape;440;p29"/>
          <p:cNvSpPr txBox="1"/>
          <p:nvPr/>
        </p:nvSpPr>
        <p:spPr>
          <a:xfrm>
            <a:off x="1161963" y="172213"/>
            <a:ext cx="10209300" cy="1122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teraktivno anketiranje: </a:t>
            </a:r>
            <a:b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azgovarajte o preferiranim komunikacijskim alatima i platformama društvenih medija </a:t>
            </a:r>
            <a:endParaRPr b="1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41" name="Google Shape;441;p29"/>
          <p:cNvGrpSpPr/>
          <p:nvPr/>
        </p:nvGrpSpPr>
        <p:grpSpPr>
          <a:xfrm>
            <a:off x="5640685" y="1194945"/>
            <a:ext cx="1251876" cy="358096"/>
            <a:chOff x="5470062" y="1167647"/>
            <a:chExt cx="1251876" cy="358096"/>
          </a:xfrm>
        </p:grpSpPr>
        <p:sp>
          <p:nvSpPr>
            <p:cNvPr id="442" name="Google Shape;442;p29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43" name="Google Shape;443;p29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44" name="Google Shape;444;p29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445" name="Google Shape;445;p29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46" name="Google Shape;446;p29"/>
          <p:cNvSpPr txBox="1"/>
          <p:nvPr/>
        </p:nvSpPr>
        <p:spPr>
          <a:xfrm>
            <a:off x="703325" y="4216800"/>
            <a:ext cx="6337200" cy="1888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55600" lvl="0" marL="457200" marR="0" rtl="0" algn="l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itanja: </a:t>
            </a:r>
            <a:endParaRPr b="1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1" marL="914400" marR="0" rtl="0" algn="l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○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dijelite svoje preferirane komunikacijske alate za angažiranje učenika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1" marL="914400" marR="0" rtl="0" algn="l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○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dijelite svoja iskustva s korištenjem platformi društvenih medija u obrazovne svrhe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47" name="Google Shape;447;p29"/>
          <p:cNvPicPr preferRelativeResize="0"/>
          <p:nvPr/>
        </p:nvPicPr>
        <p:blipFill rotWithShape="1">
          <a:blip r:embed="rId4">
            <a:alphaModFix/>
          </a:blip>
          <a:srcRect b="10819" l="13292" r="12362" t="12820"/>
          <a:stretch/>
        </p:blipFill>
        <p:spPr>
          <a:xfrm>
            <a:off x="1986238" y="2438975"/>
            <a:ext cx="1186450" cy="1218625"/>
          </a:xfrm>
          <a:prstGeom prst="rect">
            <a:avLst/>
          </a:prstGeom>
          <a:noFill/>
          <a:ln>
            <a:noFill/>
          </a:ln>
        </p:spPr>
      </p:pic>
      <p:sp>
        <p:nvSpPr>
          <p:cNvPr id="448" name="Google Shape;448;p29"/>
          <p:cNvSpPr txBox="1"/>
          <p:nvPr/>
        </p:nvSpPr>
        <p:spPr>
          <a:xfrm>
            <a:off x="758325" y="3534838"/>
            <a:ext cx="3642300" cy="4155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500"/>
              <a:buFont typeface="Arial"/>
              <a:buNone/>
            </a:pPr>
            <a:r>
              <a:rPr b="0" i="0" lang="en-US" sz="1500" u="sng" cap="none" strike="noStrike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5"/>
              </a:rPr>
              <a:t>https://www.mentimeter.com</a:t>
            </a:r>
            <a:endParaRPr b="0" i="0" sz="15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449" name="Google Shape;449;p29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4173098" y="2549288"/>
            <a:ext cx="1841727" cy="626675"/>
          </a:xfrm>
          <a:prstGeom prst="rect">
            <a:avLst/>
          </a:prstGeom>
          <a:noFill/>
          <a:ln>
            <a:noFill/>
          </a:ln>
        </p:spPr>
      </p:pic>
      <p:sp>
        <p:nvSpPr>
          <p:cNvPr id="450" name="Google Shape;450;p29"/>
          <p:cNvSpPr txBox="1"/>
          <p:nvPr/>
        </p:nvSpPr>
        <p:spPr>
          <a:xfrm>
            <a:off x="3546550" y="3108375"/>
            <a:ext cx="3000000" cy="4155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500"/>
              <a:buFont typeface="Arial"/>
              <a:buNone/>
            </a:pPr>
            <a:r>
              <a:rPr b="0" i="0" lang="en-US" sz="1500" u="sng" cap="none" strike="noStrike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7"/>
              </a:rPr>
              <a:t>https://kahoot.com</a:t>
            </a:r>
            <a:endParaRPr b="0" i="0" sz="15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451" name="Google Shape;451;p29"/>
          <p:cNvPicPr preferRelativeResize="0"/>
          <p:nvPr/>
        </p:nvPicPr>
        <p:blipFill rotWithShape="1">
          <a:blip r:embed="rId8">
            <a:alphaModFix/>
          </a:blip>
          <a:srcRect b="13997" l="24346" r="23927" t="16673"/>
          <a:stretch/>
        </p:blipFill>
        <p:spPr>
          <a:xfrm>
            <a:off x="6766340" y="2345890"/>
            <a:ext cx="1320832" cy="1251651"/>
          </a:xfrm>
          <a:prstGeom prst="rect">
            <a:avLst/>
          </a:prstGeom>
          <a:noFill/>
          <a:ln>
            <a:noFill/>
          </a:ln>
        </p:spPr>
      </p:pic>
      <p:pic>
        <p:nvPicPr>
          <p:cNvPr id="452" name="Google Shape;452;p29"/>
          <p:cNvPicPr preferRelativeResize="0"/>
          <p:nvPr/>
        </p:nvPicPr>
        <p:blipFill rotWithShape="1">
          <a:blip r:embed="rId9">
            <a:alphaModFix/>
          </a:blip>
          <a:srcRect b="9480" l="27703" r="25236" t="12161"/>
          <a:stretch/>
        </p:blipFill>
        <p:spPr>
          <a:xfrm>
            <a:off x="9391539" y="2373125"/>
            <a:ext cx="1084245" cy="1218625"/>
          </a:xfrm>
          <a:prstGeom prst="rect">
            <a:avLst/>
          </a:prstGeom>
          <a:noFill/>
          <a:ln>
            <a:noFill/>
          </a:ln>
        </p:spPr>
      </p:pic>
      <p:sp>
        <p:nvSpPr>
          <p:cNvPr id="453" name="Google Shape;453;p29"/>
          <p:cNvSpPr txBox="1"/>
          <p:nvPr/>
        </p:nvSpPr>
        <p:spPr>
          <a:xfrm>
            <a:off x="8433663" y="3407413"/>
            <a:ext cx="3000000" cy="4155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500"/>
              <a:buFont typeface="Arial"/>
              <a:buNone/>
            </a:pPr>
            <a:r>
              <a:rPr b="0" i="0" lang="en-US" sz="1500" u="sng" cap="none" strike="noStrike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10"/>
              </a:rPr>
              <a:t>https://jamboard.google.com</a:t>
            </a:r>
            <a:endParaRPr b="0" i="0" sz="15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54" name="Google Shape;454;p29"/>
          <p:cNvSpPr txBox="1"/>
          <p:nvPr/>
        </p:nvSpPr>
        <p:spPr>
          <a:xfrm>
            <a:off x="6232888" y="3516063"/>
            <a:ext cx="2387700" cy="4155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500"/>
              <a:buFont typeface="Arial"/>
              <a:buNone/>
            </a:pPr>
            <a:r>
              <a:rPr b="0" i="0" lang="en-US" sz="1500" u="sng" cap="none" strike="noStrike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11"/>
              </a:rPr>
              <a:t>https://padlet.com</a:t>
            </a:r>
            <a:endParaRPr b="0" i="0" sz="15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55" name="Google Shape;455;p29"/>
          <p:cNvSpPr txBox="1"/>
          <p:nvPr/>
        </p:nvSpPr>
        <p:spPr>
          <a:xfrm>
            <a:off x="958813" y="1804875"/>
            <a:ext cx="10274400" cy="4926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1" lang="en-US" sz="20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Za odgovaranje na pitanja koristite Mentimetar, Kahoot, Padlet ili Jamboard;</a:t>
            </a:r>
            <a:endParaRPr b="0" i="1" sz="1200" u="none" cap="none" strike="noStrike">
              <a:solidFill>
                <a:schemeClr val="accent4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56" name="Google Shape;456;p29"/>
          <p:cNvSpPr txBox="1"/>
          <p:nvPr/>
        </p:nvSpPr>
        <p:spPr>
          <a:xfrm>
            <a:off x="7771725" y="4571900"/>
            <a:ext cx="3556800" cy="14160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1" lang="en-US" sz="2000" u="none" cap="none" strike="noStrike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Prikažite rezultate ankete i započnite kratku raspravu o promatranim uzorcima i trendovima.</a:t>
            </a:r>
            <a:endParaRPr b="0" i="1" sz="1400" u="none" cap="none" strike="noStrike">
              <a:solidFill>
                <a:schemeClr val="lt1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457" name="Google Shape;457;p29"/>
          <p:cNvPicPr preferRelativeResize="0"/>
          <p:nvPr/>
        </p:nvPicPr>
        <p:blipFill>
          <a:blip r:embed="rId12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4" name="Shape 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" name="Google Shape;65;p3"/>
          <p:cNvSpPr/>
          <p:nvPr/>
        </p:nvSpPr>
        <p:spPr>
          <a:xfrm>
            <a:off x="0" y="0"/>
            <a:ext cx="5486400" cy="685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66" name="Google Shape;66;p3"/>
          <p:cNvSpPr txBox="1"/>
          <p:nvPr/>
        </p:nvSpPr>
        <p:spPr>
          <a:xfrm rot="-5400000">
            <a:off x="-70631" y="3152001"/>
            <a:ext cx="3122586" cy="55399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ADRŽAJ</a:t>
            </a:r>
            <a:endParaRPr b="1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7" name="Google Shape;67;p3"/>
          <p:cNvSpPr txBox="1"/>
          <p:nvPr/>
        </p:nvSpPr>
        <p:spPr>
          <a:xfrm>
            <a:off x="6745000" y="1605375"/>
            <a:ext cx="5486400" cy="687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1: Uvod u angažman u digitalnom okruženju 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8" name="Google Shape;68;p3"/>
          <p:cNvSpPr/>
          <p:nvPr/>
        </p:nvSpPr>
        <p:spPr>
          <a:xfrm rot="5400000">
            <a:off x="6435675" y="1822970"/>
            <a:ext cx="276900" cy="238800"/>
          </a:xfrm>
          <a:prstGeom prst="triangle">
            <a:avLst>
              <a:gd fmla="val 50000" name="adj"/>
            </a:avLst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69" name="Google Shape;69;p3"/>
          <p:cNvSpPr txBox="1"/>
          <p:nvPr/>
        </p:nvSpPr>
        <p:spPr>
          <a:xfrm>
            <a:off x="6745001" y="4099592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5: Procjena i povratne informacije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0" name="Google Shape;70;p3"/>
          <p:cNvSpPr/>
          <p:nvPr/>
        </p:nvSpPr>
        <p:spPr>
          <a:xfrm rot="5400000">
            <a:off x="6442213" y="2497652"/>
            <a:ext cx="276900" cy="238800"/>
          </a:xfrm>
          <a:prstGeom prst="triangle">
            <a:avLst>
              <a:gd fmla="val 50000" name="adj"/>
            </a:avLst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1" name="Google Shape;71;p3"/>
          <p:cNvSpPr txBox="1"/>
          <p:nvPr/>
        </p:nvSpPr>
        <p:spPr>
          <a:xfrm>
            <a:off x="6744988" y="2273090"/>
            <a:ext cx="5347500" cy="687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2: Osmišljavanje poticajnih iskustava učenja;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2" name="Google Shape;72;p3"/>
          <p:cNvSpPr/>
          <p:nvPr/>
        </p:nvSpPr>
        <p:spPr>
          <a:xfrm rot="5400000">
            <a:off x="6435675" y="3117179"/>
            <a:ext cx="276900" cy="238800"/>
          </a:xfrm>
          <a:prstGeom prst="triangle">
            <a:avLst>
              <a:gd fmla="val 50000" name="adj"/>
            </a:avLst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3" name="Google Shape;73;p3"/>
          <p:cNvSpPr txBox="1"/>
          <p:nvPr/>
        </p:nvSpPr>
        <p:spPr>
          <a:xfrm>
            <a:off x="6744989" y="3047075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3: Komunikacija i interakcija;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4" name="Google Shape;74;p3"/>
          <p:cNvSpPr/>
          <p:nvPr/>
        </p:nvSpPr>
        <p:spPr>
          <a:xfrm rot="5400000">
            <a:off x="6442213" y="3690550"/>
            <a:ext cx="276900" cy="238800"/>
          </a:xfrm>
          <a:prstGeom prst="triangle">
            <a:avLst>
              <a:gd fmla="val 50000" name="adj"/>
            </a:avLst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A picture containing yellow, person  Description automatically generated" id="75" name="Google Shape;75;p3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0" l="26728" r="26728" t="0"/>
          <a:stretch/>
        </p:blipFill>
        <p:spPr>
          <a:xfrm>
            <a:off x="2100263" y="573088"/>
            <a:ext cx="3995737" cy="57118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A picture containing icon  Description automatically generated" id="76" name="Google Shape;76;p3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198706" y="-127565"/>
            <a:ext cx="2386989" cy="1687495"/>
          </a:xfrm>
          <a:prstGeom prst="rect">
            <a:avLst/>
          </a:prstGeom>
          <a:noFill/>
          <a:ln>
            <a:noFill/>
          </a:ln>
        </p:spPr>
      </p:pic>
      <p:sp>
        <p:nvSpPr>
          <p:cNvPr id="77" name="Google Shape;77;p3"/>
          <p:cNvSpPr txBox="1"/>
          <p:nvPr/>
        </p:nvSpPr>
        <p:spPr>
          <a:xfrm>
            <a:off x="6745001" y="4527692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60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6: Prilagođavanje strategija angažmana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8" name="Google Shape;78;p3"/>
          <p:cNvSpPr txBox="1"/>
          <p:nvPr/>
        </p:nvSpPr>
        <p:spPr>
          <a:xfrm>
            <a:off x="6745001" y="3602230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4: Gamifikacija i motivacija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9" name="Google Shape;79;p3"/>
          <p:cNvSpPr txBox="1"/>
          <p:nvPr/>
        </p:nvSpPr>
        <p:spPr>
          <a:xfrm>
            <a:off x="6745001" y="5071080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just">
              <a:lnSpc>
                <a:spcPct val="115000"/>
              </a:lnSpc>
              <a:spcBef>
                <a:spcPts val="600"/>
              </a:spcBef>
              <a:spcAft>
                <a:spcPts val="6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Česta pitanja, evaluacija i zaključak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0" name="Google Shape;80;p3"/>
          <p:cNvSpPr/>
          <p:nvPr/>
        </p:nvSpPr>
        <p:spPr>
          <a:xfrm rot="5400000">
            <a:off x="6442213" y="4164850"/>
            <a:ext cx="276900" cy="238800"/>
          </a:xfrm>
          <a:prstGeom prst="triangle">
            <a:avLst>
              <a:gd fmla="val 50000" name="adj"/>
            </a:avLst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1" name="Google Shape;81;p3"/>
          <p:cNvSpPr/>
          <p:nvPr/>
        </p:nvSpPr>
        <p:spPr>
          <a:xfrm rot="5400000">
            <a:off x="6442213" y="4639150"/>
            <a:ext cx="276900" cy="238800"/>
          </a:xfrm>
          <a:prstGeom prst="triangle">
            <a:avLst>
              <a:gd fmla="val 50000" name="adj"/>
            </a:avLst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2" name="Google Shape;82;p3"/>
          <p:cNvSpPr/>
          <p:nvPr/>
        </p:nvSpPr>
        <p:spPr>
          <a:xfrm rot="5400000">
            <a:off x="6442213" y="5136325"/>
            <a:ext cx="276900" cy="238800"/>
          </a:xfrm>
          <a:prstGeom prst="triangle">
            <a:avLst>
              <a:gd fmla="val 50000" name="adj"/>
            </a:avLst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83" name="Google Shape;83;p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461" name="Shape 4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62" name="Google Shape;462;p30"/>
          <p:cNvPicPr preferRelativeResize="0"/>
          <p:nvPr/>
        </p:nvPicPr>
        <p:blipFill rotWithShape="1">
          <a:blip r:embed="rId3">
            <a:alphaModFix amt="13000"/>
          </a:blip>
          <a:srcRect b="14262" l="0" r="0" t="11984"/>
          <a:stretch/>
        </p:blipFill>
        <p:spPr>
          <a:xfrm>
            <a:off x="0" y="10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463" name="Google Shape;463;p30"/>
          <p:cNvSpPr txBox="1"/>
          <p:nvPr/>
        </p:nvSpPr>
        <p:spPr>
          <a:xfrm>
            <a:off x="3912600" y="303625"/>
            <a:ext cx="4366800" cy="6549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upna rasprava: dijeljenje iskustava i izazova</a:t>
            </a:r>
            <a:endParaRPr b="1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64" name="Google Shape;464;p30"/>
          <p:cNvGrpSpPr/>
          <p:nvPr/>
        </p:nvGrpSpPr>
        <p:grpSpPr>
          <a:xfrm>
            <a:off x="5470062" y="1015247"/>
            <a:ext cx="1251876" cy="358096"/>
            <a:chOff x="5470062" y="1167647"/>
            <a:chExt cx="1251876" cy="358096"/>
          </a:xfrm>
        </p:grpSpPr>
        <p:sp>
          <p:nvSpPr>
            <p:cNvPr id="465" name="Google Shape;465;p30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66" name="Google Shape;466;p30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67" name="Google Shape;467;p30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468" name="Google Shape;468;p30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69" name="Google Shape;469;p30"/>
          <p:cNvSpPr txBox="1"/>
          <p:nvPr/>
        </p:nvSpPr>
        <p:spPr>
          <a:xfrm>
            <a:off x="1527900" y="1764075"/>
            <a:ext cx="9918000" cy="3535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42900" lvl="0" marL="342900" marR="0" rtl="0" algn="just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AutoNum type="arabicParenR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odijelite sudionike u male grupe </a:t>
            </a:r>
            <a:r>
              <a:rPr b="1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od 3-4 osobe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42900" lvl="0" marL="342900" marR="0" rtl="0" algn="just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AutoNum type="arabicParenR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Rasprava: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1" marL="914400" marR="0" rtl="0" algn="just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AutoNum type="alphaLcParenR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Kojim ste se platformama društvenih mreža koristili za uključivanje odraslih učenika? Koji su bili ishodi?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1" marL="914400" marR="0" rtl="0" algn="just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AutoNum type="alphaLcParenR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Koje strategije smatrate učinkovitima u poticanju rasprava i interakcija na društvenim mrežama?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1" marL="9144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AutoNum type="alphaLcParenR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S kojim ste se izazovima susreli prilikom korištenja društvenih mreža za angažman i kako ste ih prevladali?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457200" marR="0" rtl="0" algn="just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1600"/>
              <a:buFont typeface="Arial"/>
              <a:buNone/>
            </a:pPr>
            <a:r>
              <a:t/>
            </a:r>
            <a:endParaRPr b="0" i="1" sz="16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70" name="Google Shape;470;p3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474" name="Shape 4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5" name="Google Shape;475;p31"/>
          <p:cNvSpPr txBox="1"/>
          <p:nvPr/>
        </p:nvSpPr>
        <p:spPr>
          <a:xfrm>
            <a:off x="3071701" y="2632325"/>
            <a:ext cx="6048600" cy="627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3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itanja i odgovori i sažetak.</a:t>
            </a:r>
            <a:endParaRPr b="1" i="0" sz="25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76" name="Google Shape;476;p31"/>
          <p:cNvGrpSpPr/>
          <p:nvPr/>
        </p:nvGrpSpPr>
        <p:grpSpPr>
          <a:xfrm>
            <a:off x="5470012" y="3428997"/>
            <a:ext cx="1251984" cy="358200"/>
            <a:chOff x="5470062" y="1167647"/>
            <a:chExt cx="1251984" cy="358200"/>
          </a:xfrm>
        </p:grpSpPr>
        <p:sp>
          <p:nvSpPr>
            <p:cNvPr id="477" name="Google Shape;477;p3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78" name="Google Shape;478;p3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79" name="Google Shape;479;p3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480" name="Google Shape;480;p31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481" name="Google Shape;481;p31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485" name="Shape 48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A person sitting at a desk with a computer and papers on it  Description automatically generated with low confidence" id="486" name="Google Shape;486;p32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0" y="-1"/>
            <a:ext cx="12192000" cy="6858001"/>
          </a:xfrm>
          <a:prstGeom prst="rect">
            <a:avLst/>
          </a:prstGeom>
          <a:noFill/>
          <a:ln>
            <a:noFill/>
          </a:ln>
        </p:spPr>
      </p:pic>
      <p:sp>
        <p:nvSpPr>
          <p:cNvPr id="487" name="Google Shape;487;p32"/>
          <p:cNvSpPr/>
          <p:nvPr/>
        </p:nvSpPr>
        <p:spPr>
          <a:xfrm>
            <a:off x="-264695" y="-270712"/>
            <a:ext cx="12721389" cy="7399421"/>
          </a:xfrm>
          <a:prstGeom prst="rect">
            <a:avLst/>
          </a:prstGeom>
          <a:gradFill>
            <a:gsLst>
              <a:gs pos="0">
                <a:srgbClr val="FFE77E">
                  <a:alpha val="0"/>
                </a:srgbClr>
              </a:gs>
              <a:gs pos="100000">
                <a:srgbClr val="FFEDB1"/>
              </a:gs>
            </a:gsLst>
            <a:path path="circle">
              <a:fillToRect b="50%" l="50%" r="50%" t="50%"/>
            </a:path>
            <a:tileRect/>
          </a:gradFill>
          <a:ln cap="flat" cmpd="sng" w="25400">
            <a:solidFill>
              <a:srgbClr val="FFE68F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chemeClr val="lt1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88" name="Google Shape;488;p32"/>
          <p:cNvSpPr txBox="1"/>
          <p:nvPr/>
        </p:nvSpPr>
        <p:spPr>
          <a:xfrm>
            <a:off x="3839189" y="2051289"/>
            <a:ext cx="7014257" cy="110799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6600"/>
              <a:buFont typeface="Arial"/>
              <a:buNone/>
            </a:pPr>
            <a:r>
              <a:rPr b="0" i="0" lang="en-US" sz="66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auza</a:t>
            </a:r>
            <a:endParaRPr b="0" i="0" sz="66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descr="A picture containing logo  Description automatically generated" id="489" name="Google Shape;489;p32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853446" y="74429"/>
            <a:ext cx="1338553" cy="946297"/>
          </a:xfrm>
          <a:prstGeom prst="rect">
            <a:avLst/>
          </a:prstGeom>
          <a:noFill/>
          <a:ln>
            <a:noFill/>
          </a:ln>
        </p:spPr>
      </p:pic>
      <p:pic>
        <p:nvPicPr>
          <p:cNvPr id="490" name="Google Shape;490;p32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494" name="Shape 4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5" name="Google Shape;495;p33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A picture containing logo  Description automatically generated" id="496" name="Google Shape;496;p33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0" l="14652" r="14652" t="0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497" name="Google Shape;497;p33"/>
          <p:cNvSpPr txBox="1"/>
          <p:nvPr/>
        </p:nvSpPr>
        <p:spPr>
          <a:xfrm>
            <a:off x="5450555" y="1678900"/>
            <a:ext cx="12909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jednica 4. 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98" name="Google Shape;498;p33"/>
          <p:cNvSpPr txBox="1"/>
          <p:nvPr/>
        </p:nvSpPr>
        <p:spPr>
          <a:xfrm>
            <a:off x="3824077" y="463563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Gamifikacija i motivacija</a:t>
            </a:r>
            <a:endParaRPr b="0" i="0" sz="2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499" name="Google Shape;499;p33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503" name="Shape 50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4" name="Google Shape;504;p34"/>
          <p:cNvSpPr txBox="1"/>
          <p:nvPr/>
        </p:nvSpPr>
        <p:spPr>
          <a:xfrm>
            <a:off x="3822381" y="603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ažetak prethodne sesije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05" name="Google Shape;505;p34"/>
          <p:cNvGrpSpPr/>
          <p:nvPr/>
        </p:nvGrpSpPr>
        <p:grpSpPr>
          <a:xfrm>
            <a:off x="5394562" y="1360322"/>
            <a:ext cx="1251984" cy="358200"/>
            <a:chOff x="5470062" y="1167647"/>
            <a:chExt cx="1251984" cy="358200"/>
          </a:xfrm>
        </p:grpSpPr>
        <p:sp>
          <p:nvSpPr>
            <p:cNvPr id="506" name="Google Shape;506;p3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07" name="Google Shape;507;p3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08" name="Google Shape;508;p3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509" name="Google Shape;509;p34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10" name="Google Shape;510;p34"/>
          <p:cNvSpPr txBox="1"/>
          <p:nvPr/>
        </p:nvSpPr>
        <p:spPr>
          <a:xfrm>
            <a:off x="3429825" y="2606538"/>
            <a:ext cx="5181300" cy="985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700"/>
              <a:buFont typeface="Arial"/>
              <a:buNone/>
            </a:pPr>
            <a:r>
              <a:rPr b="0" i="0" lang="en-US" sz="27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Komunikacijske strategije o kojima se raspravljalo u prethodnoj sesiji;</a:t>
            </a:r>
            <a:endParaRPr b="0" i="0" sz="27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11" name="Google Shape;511;p34"/>
          <p:cNvSpPr txBox="1"/>
          <p:nvPr/>
        </p:nvSpPr>
        <p:spPr>
          <a:xfrm>
            <a:off x="5897225" y="4553425"/>
            <a:ext cx="5487600" cy="10119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500"/>
              <a:buFont typeface="Arial"/>
              <a:buNone/>
            </a:pPr>
            <a:r>
              <a:rPr b="0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ažnost komunikacije i interakcije u digitalnom obrazovanju.</a:t>
            </a:r>
            <a:endParaRPr b="0" i="0" sz="12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12" name="Google Shape;512;p34"/>
          <p:cNvSpPr/>
          <p:nvPr/>
        </p:nvSpPr>
        <p:spPr>
          <a:xfrm>
            <a:off x="3822363" y="4261333"/>
            <a:ext cx="1979620" cy="1596069"/>
          </a:xfrm>
          <a:custGeom>
            <a:rect b="b" l="l" r="r" t="t"/>
            <a:pathLst>
              <a:path extrusionOk="0" h="1596069" w="1979620">
                <a:moveTo>
                  <a:pt x="0" y="0"/>
                </a:moveTo>
                <a:lnTo>
                  <a:pt x="1979620" y="0"/>
                </a:lnTo>
                <a:lnTo>
                  <a:pt x="1979620" y="1596069"/>
                </a:lnTo>
                <a:lnTo>
                  <a:pt x="0" y="1596069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513" name="Google Shape;513;p34"/>
          <p:cNvSpPr/>
          <p:nvPr/>
        </p:nvSpPr>
        <p:spPr>
          <a:xfrm>
            <a:off x="1406675" y="2421914"/>
            <a:ext cx="1861380" cy="1355084"/>
          </a:xfrm>
          <a:custGeom>
            <a:rect b="b" l="l" r="r" t="t"/>
            <a:pathLst>
              <a:path extrusionOk="0" h="1191283" w="1751887">
                <a:moveTo>
                  <a:pt x="0" y="0"/>
                </a:moveTo>
                <a:lnTo>
                  <a:pt x="1751887" y="0"/>
                </a:lnTo>
                <a:lnTo>
                  <a:pt x="1751887" y="1191283"/>
                </a:lnTo>
                <a:lnTo>
                  <a:pt x="0" y="119128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514" name="Google Shape;514;p34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518" name="Shape 5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9" name="Google Shape;519;p35"/>
          <p:cNvSpPr txBox="1"/>
          <p:nvPr/>
        </p:nvSpPr>
        <p:spPr>
          <a:xfrm>
            <a:off x="4078500" y="361178"/>
            <a:ext cx="4035000" cy="708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čela igrifikacije i motivacija (I)</a:t>
            </a:r>
            <a:endParaRPr b="1" i="0" sz="25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descr="A picture containing icon  Description automatically generated" id="520" name="Google Shape;520;p35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21" name="Google Shape;521;p35"/>
          <p:cNvSpPr txBox="1"/>
          <p:nvPr/>
        </p:nvSpPr>
        <p:spPr>
          <a:xfrm>
            <a:off x="635925" y="2647950"/>
            <a:ext cx="7261200" cy="1015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55600" lvl="0" marL="457200" marR="0" rtl="0" algn="l">
              <a:lnSpc>
                <a:spcPct val="100000"/>
              </a:lnSpc>
              <a:spcBef>
                <a:spcPts val="1000"/>
              </a:spcBef>
              <a:spcAft>
                <a:spcPts val="1000"/>
              </a:spcAft>
              <a:buClr>
                <a:srgbClr val="000000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rgbClr val="000000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Jasni ciljevi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pružaju osjećaj svrhe i smjera, motivirajući učenike da rade prema određenim ishodima. Postizanje ciljeva potiče osjećaj postignuća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2" name="Google Shape;522;p35"/>
          <p:cNvSpPr txBox="1"/>
          <p:nvPr/>
        </p:nvSpPr>
        <p:spPr>
          <a:xfrm>
            <a:off x="2171550" y="1405738"/>
            <a:ext cx="7848900" cy="9234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1" lang="en-US" sz="18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Gamifikacija </a:t>
            </a:r>
            <a:r>
              <a:rPr b="0" i="1" lang="en-US" sz="18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uključuje </a:t>
            </a:r>
            <a:r>
              <a:rPr b="1" i="1" lang="en-US" sz="18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integraciju elemenata sličnih igri u kontekste koji nisu</a:t>
            </a:r>
            <a:r>
              <a:rPr b="0" i="1" lang="en-US" sz="18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povezani s igrom </a:t>
            </a:r>
            <a:r>
              <a:rPr b="1" i="1" lang="en-US" sz="18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kako bi se poboljšao angažman i motivacija</a:t>
            </a:r>
            <a:r>
              <a:rPr b="0" i="1" lang="en-US" sz="18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. Evo </a:t>
            </a:r>
            <a:r>
              <a:rPr b="0" i="1" lang="en-US" sz="1800" u="sng" cap="none" strike="noStrike">
                <a:solidFill>
                  <a:srgbClr val="000000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ključnih načela igrifikacije</a:t>
            </a:r>
            <a:r>
              <a:rPr b="0" i="1" lang="en-US" sz="18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i njihovog utjecaja na motivaciju učenika:</a:t>
            </a:r>
            <a:endParaRPr b="0" i="1" sz="18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3" name="Google Shape;523;p35"/>
          <p:cNvSpPr txBox="1"/>
          <p:nvPr/>
        </p:nvSpPr>
        <p:spPr>
          <a:xfrm>
            <a:off x="623250" y="5058450"/>
            <a:ext cx="8284776" cy="1502945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-3556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Trenutne povratne informacije</a:t>
            </a:r>
            <a:r>
              <a:rPr b="0" i="0" lang="en-US" sz="2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bavještavaju učenike o njihovoj uspješnosti, jačaju pozitivno ponašanje i usmjeravaju poboljšanja. To potiče osjećaj kompetentnosti i pomaže u održavanju angažmana.</a:t>
            </a:r>
            <a:endParaRPr b="0" i="0" sz="20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24" name="Google Shape;524;p35"/>
          <p:cNvSpPr txBox="1"/>
          <p:nvPr/>
        </p:nvSpPr>
        <p:spPr>
          <a:xfrm>
            <a:off x="4794150" y="3760800"/>
            <a:ext cx="6855600" cy="12006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-355600" lvl="0" marL="457200" marR="0" rtl="0" algn="r">
              <a:lnSpc>
                <a:spcPct val="115000"/>
              </a:lnSpc>
              <a:spcBef>
                <a:spcPts val="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Napredak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utječe na urođenu želju učenika za rastom i majstorstvom. Napredovanje kroz razine stvara osjećaj postignuća i potiče kontinuirano sudjelovanje.</a:t>
            </a:r>
            <a:endParaRPr b="0" i="0" sz="20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25" name="Google Shape;525;p35"/>
          <p:cNvSpPr/>
          <p:nvPr/>
        </p:nvSpPr>
        <p:spPr>
          <a:xfrm>
            <a:off x="2411175" y="1359550"/>
            <a:ext cx="7332300" cy="1015800"/>
          </a:xfrm>
          <a:prstGeom prst="rect">
            <a:avLst/>
          </a:prstGeom>
          <a:noFill/>
          <a:ln cap="flat" cmpd="sng" w="76200">
            <a:solidFill>
              <a:schemeClr val="accent1"/>
            </a:solidFill>
            <a:prstDash val="dot"/>
            <a:round/>
            <a:headEnd len="sm" w="sm" type="none"/>
            <a:tailEnd len="sm" w="sm" type="none"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526" name="Google Shape;526;p35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530" name="Shape 53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1" name="Google Shape;531;p36"/>
          <p:cNvSpPr txBox="1"/>
          <p:nvPr/>
        </p:nvSpPr>
        <p:spPr>
          <a:xfrm>
            <a:off x="4078450" y="229128"/>
            <a:ext cx="4035000" cy="708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čela igrifikacije i motivacija (II)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32" name="Google Shape;532;p36"/>
          <p:cNvGrpSpPr/>
          <p:nvPr/>
        </p:nvGrpSpPr>
        <p:grpSpPr>
          <a:xfrm>
            <a:off x="5470060" y="1039589"/>
            <a:ext cx="1251876" cy="358096"/>
            <a:chOff x="5470062" y="1167647"/>
            <a:chExt cx="1251876" cy="358096"/>
          </a:xfrm>
        </p:grpSpPr>
        <p:sp>
          <p:nvSpPr>
            <p:cNvPr id="533" name="Google Shape;533;p36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34" name="Google Shape;534;p36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35" name="Google Shape;535;p36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536" name="Google Shape;536;p36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37" name="Google Shape;537;p36"/>
          <p:cNvSpPr txBox="1"/>
          <p:nvPr/>
        </p:nvSpPr>
        <p:spPr>
          <a:xfrm>
            <a:off x="722550" y="1654825"/>
            <a:ext cx="8892900" cy="4633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556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Natjecanje i suradnja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dravo natjecanje potiče motivaciju izazivajući učenike da nadmaše sebe ili druge. Suradnja potiče osjećaj zajedništva i zajedničkog postignuća, povećavajući motivaciju kroz društvenu interakciju;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Nagrade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užaju intrinzičnu i ekstrinzičnu motivaciju. Priznaju napore učenika, što dovodi do povećanog angažmana i želje za zaradom više nagrada;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Društvena interakcija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tiče osjećaj pripadnosti i zajedništva. Učenici se više angažiraju kada mogu dijeliti iskustva, surađivati i natjecati se s vršnjacima;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00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Izazovi i iznenađenja</a:t>
            </a:r>
            <a:r>
              <a:rPr b="0" i="0" lang="en-US" sz="2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zazivaju znatiželju i uzbuđenje, sprječavaju monotoniju i potiču održivu angažiranost;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38" name="Google Shape;538;p36"/>
          <p:cNvSpPr/>
          <p:nvPr/>
        </p:nvSpPr>
        <p:spPr>
          <a:xfrm>
            <a:off x="10392963" y="2954675"/>
            <a:ext cx="675824" cy="948645"/>
          </a:xfrm>
          <a:custGeom>
            <a:rect b="b" l="l" r="r" t="t"/>
            <a:pathLst>
              <a:path extrusionOk="0" h="1448313" w="997526">
                <a:moveTo>
                  <a:pt x="0" y="0"/>
                </a:moveTo>
                <a:lnTo>
                  <a:pt x="997526" y="0"/>
                </a:lnTo>
                <a:lnTo>
                  <a:pt x="997526" y="1448313"/>
                </a:lnTo>
                <a:lnTo>
                  <a:pt x="0" y="144831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539" name="Google Shape;539;p36"/>
          <p:cNvSpPr/>
          <p:nvPr/>
        </p:nvSpPr>
        <p:spPr>
          <a:xfrm>
            <a:off x="10170913" y="4128937"/>
            <a:ext cx="1119934" cy="1025513"/>
          </a:xfrm>
          <a:custGeom>
            <a:rect b="b" l="l" r="r" t="t"/>
            <a:pathLst>
              <a:path extrusionOk="0" h="1429286" w="1566341">
                <a:moveTo>
                  <a:pt x="0" y="0"/>
                </a:moveTo>
                <a:lnTo>
                  <a:pt x="1566341" y="0"/>
                </a:lnTo>
                <a:lnTo>
                  <a:pt x="1566341" y="1429286"/>
                </a:lnTo>
                <a:lnTo>
                  <a:pt x="0" y="1429286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540" name="Google Shape;540;p36"/>
          <p:cNvSpPr/>
          <p:nvPr/>
        </p:nvSpPr>
        <p:spPr>
          <a:xfrm>
            <a:off x="10181488" y="5401275"/>
            <a:ext cx="1098788" cy="1025538"/>
          </a:xfrm>
          <a:custGeom>
            <a:rect b="b" l="l" r="r" t="t"/>
            <a:pathLst>
              <a:path extrusionOk="0" h="1559754" w="1323841">
                <a:moveTo>
                  <a:pt x="0" y="0"/>
                </a:moveTo>
                <a:lnTo>
                  <a:pt x="1323841" y="0"/>
                </a:lnTo>
                <a:lnTo>
                  <a:pt x="1323841" y="1559754"/>
                </a:lnTo>
                <a:lnTo>
                  <a:pt x="0" y="1559754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541" name="Google Shape;541;p36"/>
          <p:cNvSpPr/>
          <p:nvPr/>
        </p:nvSpPr>
        <p:spPr>
          <a:xfrm>
            <a:off x="10210864" y="1654824"/>
            <a:ext cx="1039999" cy="1024399"/>
          </a:xfrm>
          <a:custGeom>
            <a:rect b="b" l="l" r="r" t="t"/>
            <a:pathLst>
              <a:path extrusionOk="0" h="1379662" w="1400672">
                <a:moveTo>
                  <a:pt x="0" y="0"/>
                </a:moveTo>
                <a:lnTo>
                  <a:pt x="1400672" y="0"/>
                </a:lnTo>
                <a:lnTo>
                  <a:pt x="1400672" y="1379661"/>
                </a:lnTo>
                <a:lnTo>
                  <a:pt x="0" y="1379661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7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542" name="Google Shape;542;p36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546" name="Shape 5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7" name="Google Shape;547;p37"/>
          <p:cNvSpPr txBox="1"/>
          <p:nvPr/>
        </p:nvSpPr>
        <p:spPr>
          <a:xfrm>
            <a:off x="4078450" y="229124"/>
            <a:ext cx="4035000" cy="106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čela igrifikacije i motivacija (III)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t/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48" name="Google Shape;548;p37"/>
          <p:cNvGrpSpPr/>
          <p:nvPr/>
        </p:nvGrpSpPr>
        <p:grpSpPr>
          <a:xfrm>
            <a:off x="5470060" y="1039589"/>
            <a:ext cx="1251876" cy="358096"/>
            <a:chOff x="5470062" y="1167647"/>
            <a:chExt cx="1251876" cy="358096"/>
          </a:xfrm>
        </p:grpSpPr>
        <p:sp>
          <p:nvSpPr>
            <p:cNvPr id="549" name="Google Shape;549;p37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50" name="Google Shape;550;p37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51" name="Google Shape;551;p37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552" name="Google Shape;552;p37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53" name="Google Shape;553;p37"/>
          <p:cNvSpPr txBox="1"/>
          <p:nvPr/>
        </p:nvSpPr>
        <p:spPr>
          <a:xfrm>
            <a:off x="1971025" y="1908750"/>
            <a:ext cx="9442200" cy="38634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55600" lvl="0" marL="457200" marR="0" rtl="0" algn="l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rgbClr val="000000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Personalizacija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zadovoljava individualne preferencije, potičući osjećaj autonomije. Izbor osnažuje učenike i povećava njihovo ulaganje u proces učenja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rgbClr val="000000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Prožimajuće pripovijedanje</a:t>
            </a:r>
            <a:r>
              <a:rPr b="0" i="0" lang="en-US" sz="2000" u="none" cap="none" strike="noStrike">
                <a:solidFill>
                  <a:srgbClr val="000000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Priče stvaraju povezujući kontekst i emocionalnu vezu. Prožimajuće pripovijedanje može dovesti do dubljeg angažmana i povećanog osjećaja relevantnosti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rgbClr val="000000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Postignuća i ljestvice:</a:t>
            </a:r>
            <a:r>
              <a:rPr b="0" i="0" lang="en-US" sz="2000" u="none" cap="none" strike="noStrike">
                <a:solidFill>
                  <a:srgbClr val="000000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Javno priznanje i vidljivost postignuća motiviraju učenike da se ističu i natječu. Ljestvice potiču želju da budu na vrhu i pridonose održivom angažmanu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00000"/>
              </a:lnSpc>
              <a:spcBef>
                <a:spcPts val="1000"/>
              </a:spcBef>
              <a:spcAft>
                <a:spcPts val="1000"/>
              </a:spcAft>
              <a:buClr>
                <a:srgbClr val="000000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rgbClr val="000000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Razigranost</a:t>
            </a:r>
            <a:r>
              <a:rPr b="0" i="0" lang="en-US" sz="2000" u="none" cap="none" strike="noStrike">
                <a:solidFill>
                  <a:srgbClr val="000000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čini učenje ugodnim i smanjuje percipirane poteškoće. Fun interakcije stvaraju pozitivne emocije, doprinoseći pojačanoj motivaciji.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54" name="Google Shape;554;p37"/>
          <p:cNvSpPr/>
          <p:nvPr/>
        </p:nvSpPr>
        <p:spPr>
          <a:xfrm>
            <a:off x="1173116" y="1743875"/>
            <a:ext cx="714156" cy="816178"/>
          </a:xfrm>
          <a:custGeom>
            <a:rect b="b" l="l" r="r" t="t"/>
            <a:pathLst>
              <a:path extrusionOk="0" h="1562064" w="1366806">
                <a:moveTo>
                  <a:pt x="0" y="0"/>
                </a:moveTo>
                <a:lnTo>
                  <a:pt x="1366806" y="0"/>
                </a:lnTo>
                <a:lnTo>
                  <a:pt x="1366806" y="1562063"/>
                </a:lnTo>
                <a:lnTo>
                  <a:pt x="0" y="156206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555" name="Google Shape;555;p37"/>
          <p:cNvSpPr/>
          <p:nvPr/>
        </p:nvSpPr>
        <p:spPr>
          <a:xfrm>
            <a:off x="1067427" y="3763199"/>
            <a:ext cx="925523" cy="925523"/>
          </a:xfrm>
          <a:custGeom>
            <a:rect b="b" l="l" r="r" t="t"/>
            <a:pathLst>
              <a:path extrusionOk="0" h="1562064" w="1562064">
                <a:moveTo>
                  <a:pt x="0" y="0"/>
                </a:moveTo>
                <a:lnTo>
                  <a:pt x="1562064" y="0"/>
                </a:lnTo>
                <a:lnTo>
                  <a:pt x="1562064" y="1562063"/>
                </a:lnTo>
                <a:lnTo>
                  <a:pt x="0" y="156206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556" name="Google Shape;556;p37"/>
          <p:cNvSpPr/>
          <p:nvPr/>
        </p:nvSpPr>
        <p:spPr>
          <a:xfrm>
            <a:off x="961259" y="2827386"/>
            <a:ext cx="1137859" cy="668492"/>
          </a:xfrm>
          <a:custGeom>
            <a:rect b="b" l="l" r="r" t="t"/>
            <a:pathLst>
              <a:path extrusionOk="0" h="871000" w="1482553">
                <a:moveTo>
                  <a:pt x="0" y="0"/>
                </a:moveTo>
                <a:lnTo>
                  <a:pt x="1482554" y="0"/>
                </a:lnTo>
                <a:lnTo>
                  <a:pt x="1482554" y="871000"/>
                </a:lnTo>
                <a:lnTo>
                  <a:pt x="0" y="87100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557" name="Google Shape;557;p37"/>
          <p:cNvSpPr/>
          <p:nvPr/>
        </p:nvSpPr>
        <p:spPr>
          <a:xfrm>
            <a:off x="1124752" y="4956039"/>
            <a:ext cx="810863" cy="816116"/>
          </a:xfrm>
          <a:custGeom>
            <a:rect b="b" l="l" r="r" t="t"/>
            <a:pathLst>
              <a:path extrusionOk="0" h="1511326" w="1522747">
                <a:moveTo>
                  <a:pt x="0" y="0"/>
                </a:moveTo>
                <a:lnTo>
                  <a:pt x="1522747" y="0"/>
                </a:lnTo>
                <a:lnTo>
                  <a:pt x="1522747" y="1511327"/>
                </a:lnTo>
                <a:lnTo>
                  <a:pt x="0" y="1511327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7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558" name="Google Shape;558;p37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562" name="Shape 56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" name="Google Shape;563;p38"/>
          <p:cNvSpPr txBox="1"/>
          <p:nvPr/>
        </p:nvSpPr>
        <p:spPr>
          <a:xfrm>
            <a:off x="4446338" y="199500"/>
            <a:ext cx="5838600" cy="772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ktivnost u malim grupama:</a:t>
            </a:r>
            <a:b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smišljavanje gamificirane aktivnosti učenja</a:t>
            </a:r>
            <a:endParaRPr b="1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64" name="Google Shape;564;p38"/>
          <p:cNvGrpSpPr/>
          <p:nvPr/>
        </p:nvGrpSpPr>
        <p:grpSpPr>
          <a:xfrm>
            <a:off x="9050947" y="1012929"/>
            <a:ext cx="1060214" cy="205511"/>
            <a:chOff x="5470062" y="1167647"/>
            <a:chExt cx="1251876" cy="358096"/>
          </a:xfrm>
        </p:grpSpPr>
        <p:sp>
          <p:nvSpPr>
            <p:cNvPr id="565" name="Google Shape;565;p3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66" name="Google Shape;566;p3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67" name="Google Shape;567;p3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cxnSp>
        <p:nvCxnSpPr>
          <p:cNvPr id="568" name="Google Shape;568;p38"/>
          <p:cNvCxnSpPr/>
          <p:nvPr/>
        </p:nvCxnSpPr>
        <p:spPr>
          <a:xfrm>
            <a:off x="2049119" y="2098055"/>
            <a:ext cx="1529400" cy="0"/>
          </a:xfrm>
          <a:prstGeom prst="straightConnector1">
            <a:avLst/>
          </a:prstGeom>
          <a:noFill/>
          <a:ln cap="flat" cmpd="sng" w="25400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grpSp>
        <p:nvGrpSpPr>
          <p:cNvPr id="569" name="Google Shape;569;p38"/>
          <p:cNvGrpSpPr/>
          <p:nvPr/>
        </p:nvGrpSpPr>
        <p:grpSpPr>
          <a:xfrm>
            <a:off x="1061926" y="1191303"/>
            <a:ext cx="1692942" cy="1708221"/>
            <a:chOff x="1550838" y="735710"/>
            <a:chExt cx="2648118" cy="2456105"/>
          </a:xfrm>
        </p:grpSpPr>
        <p:sp>
          <p:nvSpPr>
            <p:cNvPr id="570" name="Google Shape;570;p38"/>
            <p:cNvSpPr/>
            <p:nvPr/>
          </p:nvSpPr>
          <p:spPr>
            <a:xfrm rot="1084574">
              <a:off x="1787936" y="1026727"/>
              <a:ext cx="2173922" cy="1874072"/>
            </a:xfrm>
            <a:prstGeom prst="triangle">
              <a:avLst>
                <a:gd fmla="val 50000" name="adj"/>
              </a:avLst>
            </a:prstGeom>
            <a:noFill/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71" name="Google Shape;571;p38"/>
            <p:cNvSpPr/>
            <p:nvPr/>
          </p:nvSpPr>
          <p:spPr>
            <a:xfrm rot="400104">
              <a:off x="1787936" y="1026728"/>
              <a:ext cx="2173922" cy="1874072"/>
            </a:xfrm>
            <a:prstGeom prst="triangle">
              <a:avLst>
                <a:gd fmla="val 50000" name="adj"/>
              </a:avLst>
            </a:prstGeom>
            <a:solidFill>
              <a:schemeClr val="lt1"/>
            </a:solidFill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72" name="Google Shape;572;p38"/>
          <p:cNvSpPr txBox="1"/>
          <p:nvPr/>
        </p:nvSpPr>
        <p:spPr>
          <a:xfrm>
            <a:off x="1363891" y="1822280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b="1" i="0" lang="en-US" sz="36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1</a:t>
            </a:r>
            <a:endParaRPr b="1" i="0" sz="36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73" name="Google Shape;573;p38"/>
          <p:cNvSpPr txBox="1"/>
          <p:nvPr/>
        </p:nvSpPr>
        <p:spPr>
          <a:xfrm>
            <a:off x="310925" y="2912875"/>
            <a:ext cx="2247900" cy="338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600" u="none" cap="none" strike="noStrike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Uvod u scenarij</a:t>
            </a:r>
            <a:endParaRPr b="0" i="0" sz="1200" u="none" cap="none" strike="noStrik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74" name="Google Shape;574;p38"/>
          <p:cNvSpPr txBox="1"/>
          <p:nvPr/>
        </p:nvSpPr>
        <p:spPr>
          <a:xfrm>
            <a:off x="302350" y="3263500"/>
            <a:ext cx="2384400" cy="2640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marR="0" rtl="0" algn="l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Voditelj uvodi hipotetski scenarij učenja koji se odnosi na temu radionice.</a:t>
            </a:r>
            <a:endParaRPr b="0" i="0" sz="1400" u="none" cap="none" strike="noStrike">
              <a:solidFill>
                <a:srgbClr val="000000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Na primjer, osmišljavanje igrificirane aktivnosti za tečaj učenja jezika na daljinu.</a:t>
            </a:r>
            <a:endParaRPr b="0" i="0" sz="1400" u="none" cap="none" strike="noStrike">
              <a:solidFill>
                <a:srgbClr val="000000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75" name="Google Shape;575;p38"/>
          <p:cNvSpPr txBox="1"/>
          <p:nvPr/>
        </p:nvSpPr>
        <p:spPr>
          <a:xfrm>
            <a:off x="2550871" y="2912872"/>
            <a:ext cx="2384400" cy="338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600" u="none" cap="none" strike="noStrike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Elementi gamifikacije</a:t>
            </a:r>
            <a:endParaRPr b="1" i="0" sz="1600" u="none" cap="none" strike="noStrike">
              <a:solidFill>
                <a:schemeClr val="dk1"/>
              </a:solidFill>
              <a:highlight>
                <a:srgbClr val="FFE68F"/>
              </a:highlight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76" name="Google Shape;576;p38"/>
          <p:cNvSpPr txBox="1"/>
          <p:nvPr/>
        </p:nvSpPr>
        <p:spPr>
          <a:xfrm>
            <a:off x="2614975" y="3229025"/>
            <a:ext cx="2384400" cy="20934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marR="0" rtl="0" algn="l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Voditelj pruža skupinama različite elemente za uključivanje u njihove dizajne gamificiranih aktivnosti. Primjeri mogu uključivati bodove, značke, razine, rang-liste i nagrade.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77" name="Google Shape;577;p38"/>
          <p:cNvSpPr txBox="1"/>
          <p:nvPr/>
        </p:nvSpPr>
        <p:spPr>
          <a:xfrm>
            <a:off x="4899084" y="2898572"/>
            <a:ext cx="2384400" cy="338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600" u="none" cap="none" strike="noStrike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Razmatranja o dizajnu:</a:t>
            </a:r>
            <a:endParaRPr b="0" i="0" sz="1200" u="none" cap="none" strike="noStrik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78" name="Google Shape;578;p38"/>
          <p:cNvSpPr txBox="1"/>
          <p:nvPr/>
        </p:nvSpPr>
        <p:spPr>
          <a:xfrm>
            <a:off x="4935275" y="3206850"/>
            <a:ext cx="2452500" cy="3281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Stvaranje zadataka ili izazova usklađenih sa scenarijem učenja;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Odlučiti kako sudionici mogu zaraditi bodove ili značke;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Odrediti kako će se strukturirati razine ili progresija;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definirati nagrade koje motiviraju sudjelovanje;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Razmotrite željeno trajanje i tempo aktivnosti.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79" name="Google Shape;579;p38"/>
          <p:cNvSpPr txBox="1"/>
          <p:nvPr/>
        </p:nvSpPr>
        <p:spPr>
          <a:xfrm>
            <a:off x="7381300" y="2885150"/>
            <a:ext cx="2134800" cy="338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600" u="none" cap="none" strike="noStrike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Pravila i mehanika</a:t>
            </a:r>
            <a:endParaRPr b="0" i="0" sz="1200" u="none" cap="none" strike="noStrik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80" name="Google Shape;580;p38"/>
          <p:cNvSpPr txBox="1"/>
          <p:nvPr/>
        </p:nvSpPr>
        <p:spPr>
          <a:xfrm>
            <a:off x="9670500" y="3219400"/>
            <a:ext cx="2247900" cy="3033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Uvesti scenarij i kontekst;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Objasniti odabrane elemente gamifikacije;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Opišite pravila i mehaniku aktivnosti;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Razgovarajte o tome kako će se poticati angažman i motivacija;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Podijelite očekivane ishode i koristi.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descr="A picture containing icon  Description automatically generated" id="581" name="Google Shape;581;p38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701663" y="-38388"/>
            <a:ext cx="1728147" cy="1221723"/>
          </a:xfrm>
          <a:prstGeom prst="rect">
            <a:avLst/>
          </a:prstGeom>
          <a:noFill/>
          <a:ln>
            <a:noFill/>
          </a:ln>
        </p:spPr>
      </p:pic>
      <p:sp>
        <p:nvSpPr>
          <p:cNvPr id="582" name="Google Shape;582;p38"/>
          <p:cNvSpPr txBox="1"/>
          <p:nvPr/>
        </p:nvSpPr>
        <p:spPr>
          <a:xfrm>
            <a:off x="270696" y="931825"/>
            <a:ext cx="5673900" cy="354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36550" lvl="0" marL="457200" marR="0" rtl="0" algn="just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700"/>
              <a:buFont typeface="Philosopher"/>
              <a:buChar char="-"/>
            </a:pPr>
            <a:r>
              <a:rPr b="0" i="0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ijelite sudionike u male grupe </a:t>
            </a:r>
            <a:r>
              <a:rPr b="1" i="0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d 3-4 osobe</a:t>
            </a:r>
            <a:r>
              <a:rPr b="0" i="0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b="0" i="0" sz="19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583" name="Google Shape;583;p38"/>
          <p:cNvCxnSpPr/>
          <p:nvPr/>
        </p:nvCxnSpPr>
        <p:spPr>
          <a:xfrm>
            <a:off x="4267094" y="2086368"/>
            <a:ext cx="1529400" cy="0"/>
          </a:xfrm>
          <a:prstGeom prst="straightConnector1">
            <a:avLst/>
          </a:prstGeom>
          <a:noFill/>
          <a:ln cap="flat" cmpd="sng" w="25400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grpSp>
        <p:nvGrpSpPr>
          <p:cNvPr id="584" name="Google Shape;584;p38"/>
          <p:cNvGrpSpPr/>
          <p:nvPr/>
        </p:nvGrpSpPr>
        <p:grpSpPr>
          <a:xfrm>
            <a:off x="3279959" y="1179616"/>
            <a:ext cx="1692929" cy="1708218"/>
            <a:chOff x="1550929" y="735711"/>
            <a:chExt cx="2648099" cy="2456100"/>
          </a:xfrm>
        </p:grpSpPr>
        <p:sp>
          <p:nvSpPr>
            <p:cNvPr id="585" name="Google Shape;585;p38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fmla="val 50000" name="adj"/>
              </a:avLst>
            </a:prstGeom>
            <a:noFill/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86" name="Google Shape;586;p38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fmla="val 50000" name="adj"/>
              </a:avLst>
            </a:prstGeom>
            <a:solidFill>
              <a:schemeClr val="lt1"/>
            </a:solidFill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87" name="Google Shape;587;p38"/>
          <p:cNvSpPr txBox="1"/>
          <p:nvPr/>
        </p:nvSpPr>
        <p:spPr>
          <a:xfrm>
            <a:off x="3581866" y="1810593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b="1" i="0" lang="en-US" sz="36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2</a:t>
            </a:r>
            <a:endParaRPr b="1" i="0" sz="36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588" name="Google Shape;588;p38"/>
          <p:cNvCxnSpPr/>
          <p:nvPr/>
        </p:nvCxnSpPr>
        <p:spPr>
          <a:xfrm>
            <a:off x="6460544" y="2051330"/>
            <a:ext cx="1529400" cy="0"/>
          </a:xfrm>
          <a:prstGeom prst="straightConnector1">
            <a:avLst/>
          </a:prstGeom>
          <a:noFill/>
          <a:ln cap="flat" cmpd="sng" w="25400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grpSp>
        <p:nvGrpSpPr>
          <p:cNvPr id="589" name="Google Shape;589;p38"/>
          <p:cNvGrpSpPr/>
          <p:nvPr/>
        </p:nvGrpSpPr>
        <p:grpSpPr>
          <a:xfrm>
            <a:off x="5473409" y="1144578"/>
            <a:ext cx="1692929" cy="1708218"/>
            <a:chOff x="1550929" y="735711"/>
            <a:chExt cx="2648099" cy="2456100"/>
          </a:xfrm>
        </p:grpSpPr>
        <p:sp>
          <p:nvSpPr>
            <p:cNvPr id="590" name="Google Shape;590;p38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fmla="val 50000" name="adj"/>
              </a:avLst>
            </a:prstGeom>
            <a:noFill/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91" name="Google Shape;591;p38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fmla="val 50000" name="adj"/>
              </a:avLst>
            </a:prstGeom>
            <a:solidFill>
              <a:schemeClr val="lt1"/>
            </a:solidFill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92" name="Google Shape;592;p38"/>
          <p:cNvSpPr txBox="1"/>
          <p:nvPr/>
        </p:nvSpPr>
        <p:spPr>
          <a:xfrm>
            <a:off x="5775316" y="1775555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b="1" i="0" lang="en-US" sz="36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3</a:t>
            </a:r>
            <a:endParaRPr b="1" i="0" sz="36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593" name="Google Shape;593;p38"/>
          <p:cNvCxnSpPr/>
          <p:nvPr/>
        </p:nvCxnSpPr>
        <p:spPr>
          <a:xfrm>
            <a:off x="8603819" y="2086368"/>
            <a:ext cx="1529400" cy="0"/>
          </a:xfrm>
          <a:prstGeom prst="straightConnector1">
            <a:avLst/>
          </a:prstGeom>
          <a:noFill/>
          <a:ln cap="flat" cmpd="sng" w="25400">
            <a:solidFill>
              <a:schemeClr val="accent1"/>
            </a:solidFill>
            <a:prstDash val="solid"/>
            <a:miter lim="800000"/>
            <a:headEnd len="sm" w="sm" type="none"/>
            <a:tailEnd len="sm" w="sm" type="none"/>
          </a:ln>
        </p:spPr>
      </p:cxnSp>
      <p:grpSp>
        <p:nvGrpSpPr>
          <p:cNvPr id="594" name="Google Shape;594;p38"/>
          <p:cNvGrpSpPr/>
          <p:nvPr/>
        </p:nvGrpSpPr>
        <p:grpSpPr>
          <a:xfrm>
            <a:off x="7616684" y="1179616"/>
            <a:ext cx="1692929" cy="1708218"/>
            <a:chOff x="1550929" y="735711"/>
            <a:chExt cx="2648099" cy="2456100"/>
          </a:xfrm>
        </p:grpSpPr>
        <p:sp>
          <p:nvSpPr>
            <p:cNvPr id="595" name="Google Shape;595;p38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fmla="val 50000" name="adj"/>
              </a:avLst>
            </a:prstGeom>
            <a:noFill/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96" name="Google Shape;596;p38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fmla="val 50000" name="adj"/>
              </a:avLst>
            </a:prstGeom>
            <a:solidFill>
              <a:schemeClr val="lt1"/>
            </a:solidFill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97" name="Google Shape;597;p38"/>
          <p:cNvSpPr txBox="1"/>
          <p:nvPr/>
        </p:nvSpPr>
        <p:spPr>
          <a:xfrm>
            <a:off x="7918591" y="1810593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b="1" i="0" lang="en-US" sz="36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4</a:t>
            </a:r>
            <a:endParaRPr b="1" i="0" sz="36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98" name="Google Shape;598;p38"/>
          <p:cNvGrpSpPr/>
          <p:nvPr/>
        </p:nvGrpSpPr>
        <p:grpSpPr>
          <a:xfrm>
            <a:off x="9757084" y="1183166"/>
            <a:ext cx="1692929" cy="1708218"/>
            <a:chOff x="1550929" y="735711"/>
            <a:chExt cx="2648099" cy="2456100"/>
          </a:xfrm>
        </p:grpSpPr>
        <p:sp>
          <p:nvSpPr>
            <p:cNvPr id="599" name="Google Shape;599;p38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fmla="val 50000" name="adj"/>
              </a:avLst>
            </a:prstGeom>
            <a:noFill/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00" name="Google Shape;600;p38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fmla="val 50000" name="adj"/>
              </a:avLst>
            </a:prstGeom>
            <a:solidFill>
              <a:schemeClr val="lt1"/>
            </a:solidFill>
            <a:ln cap="flat" cmpd="sng" w="25400">
              <a:solidFill>
                <a:schemeClr val="accent1"/>
              </a:solidFill>
              <a:prstDash val="solid"/>
              <a:miter lim="800000"/>
              <a:headEnd len="sm" w="sm" type="none"/>
              <a:tailEnd len="sm" w="sm" type="none"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601" name="Google Shape;601;p38"/>
          <p:cNvSpPr txBox="1"/>
          <p:nvPr/>
        </p:nvSpPr>
        <p:spPr>
          <a:xfrm>
            <a:off x="10058991" y="1814143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b="1" i="0" lang="en-US" sz="36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5</a:t>
            </a:r>
            <a:endParaRPr b="1" i="0" sz="36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02" name="Google Shape;602;p38"/>
          <p:cNvSpPr txBox="1"/>
          <p:nvPr/>
        </p:nvSpPr>
        <p:spPr>
          <a:xfrm>
            <a:off x="9461525" y="2885150"/>
            <a:ext cx="2452500" cy="338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600" u="none" cap="none" strike="noStrike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Struktura prezentacije:</a:t>
            </a:r>
            <a:endParaRPr b="0" i="0" sz="1200" u="none" cap="none" strike="noStrik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603" name="Google Shape;603;p38"/>
          <p:cNvSpPr txBox="1"/>
          <p:nvPr/>
        </p:nvSpPr>
        <p:spPr>
          <a:xfrm>
            <a:off x="7388075" y="3207900"/>
            <a:ext cx="2316900" cy="2922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Sudionici raspravljaju i definiraju pravila, mehaniku i smjernice za svoju igrificiranu aktivnost: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Kako će sudionici zarađivati bodove? 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Kako će napredovanje funkcionirati?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Koja su pravila angažmana? </a:t>
            </a:r>
            <a:endParaRPr b="0" i="0" sz="1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604" name="Google Shape;604;p38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08" name="Shape 6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9" name="Google Shape;609;p39"/>
          <p:cNvSpPr txBox="1"/>
          <p:nvPr/>
        </p:nvSpPr>
        <p:spPr>
          <a:xfrm>
            <a:off x="2972238" y="276313"/>
            <a:ext cx="6247500" cy="666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ratka rasprava i sažetak.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10" name="Google Shape;610;p39"/>
          <p:cNvGrpSpPr/>
          <p:nvPr/>
        </p:nvGrpSpPr>
        <p:grpSpPr>
          <a:xfrm>
            <a:off x="5470060" y="887189"/>
            <a:ext cx="1251876" cy="358096"/>
            <a:chOff x="5470062" y="1167647"/>
            <a:chExt cx="1251876" cy="358096"/>
          </a:xfrm>
        </p:grpSpPr>
        <p:sp>
          <p:nvSpPr>
            <p:cNvPr id="611" name="Google Shape;611;p39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12" name="Google Shape;612;p39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13" name="Google Shape;613;p39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614" name="Google Shape;614;p39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15" name="Google Shape;615;p39"/>
          <p:cNvSpPr txBox="1"/>
          <p:nvPr/>
        </p:nvSpPr>
        <p:spPr>
          <a:xfrm>
            <a:off x="906747" y="1761325"/>
            <a:ext cx="6864600" cy="3232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ITANJA:</a:t>
            </a:r>
            <a:br>
              <a:rPr b="1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1" i="0" sz="2200" u="none" cap="none" strike="noStrike">
              <a:solidFill>
                <a:schemeClr val="accent4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ko ste uskladili svoj dizajn aktivnosti s načelima ciljeva, napredovanja, povratnih informacija i natjecanja/suradnje?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 kojim ste se izazovima suočili tijekom osmišljavanja gamificirane aktivnosti i kako ste ih riješili?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itanja i odgovori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616" name="Google Shape;616;p39"/>
          <p:cNvPicPr preferRelativeResize="0"/>
          <p:nvPr/>
        </p:nvPicPr>
        <p:blipFill rotWithShape="1">
          <a:blip r:embed="rId4">
            <a:alphaModFix amt="60000"/>
          </a:blip>
          <a:srcRect b="0" l="0" r="0" t="0"/>
          <a:stretch/>
        </p:blipFill>
        <p:spPr>
          <a:xfrm>
            <a:off x="7771275" y="935175"/>
            <a:ext cx="3274575" cy="5736475"/>
          </a:xfrm>
          <a:prstGeom prst="rect">
            <a:avLst/>
          </a:prstGeom>
          <a:noFill/>
          <a:ln>
            <a:noFill/>
          </a:ln>
        </p:spPr>
      </p:pic>
      <p:pic>
        <p:nvPicPr>
          <p:cNvPr id="617" name="Google Shape;617;p3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7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" name="Google Shape;88;p4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A picture containing logo  Description automatically generated" id="89" name="Google Shape;89;p4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0" l="14652" r="14652" t="0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90" name="Google Shape;90;p4"/>
          <p:cNvSpPr txBox="1"/>
          <p:nvPr/>
        </p:nvSpPr>
        <p:spPr>
          <a:xfrm>
            <a:off x="5456992" y="1678850"/>
            <a:ext cx="1278000" cy="687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1 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1" name="Google Shape;91;p4"/>
          <p:cNvSpPr txBox="1"/>
          <p:nvPr/>
        </p:nvSpPr>
        <p:spPr>
          <a:xfrm>
            <a:off x="3866238" y="4597625"/>
            <a:ext cx="4459500" cy="1015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0" i="0" lang="en-US" sz="24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Uvod u angažman u digitalnom okruženju</a:t>
            </a:r>
            <a:endParaRPr b="0" i="0" sz="2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92" name="Google Shape;92;p4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21" name="Shape 62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2" name="Google Shape;622;p40"/>
          <p:cNvSpPr/>
          <p:nvPr/>
        </p:nvSpPr>
        <p:spPr>
          <a:xfrm>
            <a:off x="3824064" y="1076946"/>
            <a:ext cx="4543800" cy="4704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A picture containing logo  Description automatically generated" id="623" name="Google Shape;623;p40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0" l="14655" r="14648" t="0"/>
          <a:stretch/>
        </p:blipFill>
        <p:spPr>
          <a:xfrm>
            <a:off x="5068883" y="2238750"/>
            <a:ext cx="2054228" cy="2054224"/>
          </a:xfrm>
          <a:prstGeom prst="rect">
            <a:avLst/>
          </a:prstGeom>
          <a:noFill/>
          <a:ln>
            <a:noFill/>
          </a:ln>
        </p:spPr>
      </p:pic>
      <p:sp>
        <p:nvSpPr>
          <p:cNvPr id="624" name="Google Shape;624;p40"/>
          <p:cNvSpPr txBox="1"/>
          <p:nvPr/>
        </p:nvSpPr>
        <p:spPr>
          <a:xfrm>
            <a:off x="5450530" y="1666225"/>
            <a:ext cx="12909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5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25" name="Google Shape;625;p40"/>
          <p:cNvSpPr txBox="1"/>
          <p:nvPr/>
        </p:nvSpPr>
        <p:spPr>
          <a:xfrm>
            <a:off x="3824077" y="463563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rocjena i povratne informacije</a:t>
            </a:r>
            <a:endParaRPr b="0" i="0" sz="2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626" name="Google Shape;626;p40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30" name="Shape 63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1" name="Google Shape;631;p41"/>
          <p:cNvSpPr txBox="1"/>
          <p:nvPr/>
        </p:nvSpPr>
        <p:spPr>
          <a:xfrm>
            <a:off x="3822381" y="603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ažetak prethodne sesije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32" name="Google Shape;632;p41"/>
          <p:cNvGrpSpPr/>
          <p:nvPr/>
        </p:nvGrpSpPr>
        <p:grpSpPr>
          <a:xfrm>
            <a:off x="5394562" y="1360322"/>
            <a:ext cx="1251984" cy="358200"/>
            <a:chOff x="5470062" y="1167647"/>
            <a:chExt cx="1251984" cy="358200"/>
          </a:xfrm>
        </p:grpSpPr>
        <p:sp>
          <p:nvSpPr>
            <p:cNvPr id="633" name="Google Shape;633;p4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34" name="Google Shape;634;p4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35" name="Google Shape;635;p4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636" name="Google Shape;636;p41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37" name="Google Shape;637;p41"/>
          <p:cNvSpPr txBox="1"/>
          <p:nvPr/>
        </p:nvSpPr>
        <p:spPr>
          <a:xfrm>
            <a:off x="1817025" y="2555025"/>
            <a:ext cx="8406900" cy="985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700"/>
              <a:buFont typeface="Arial"/>
              <a:buNone/>
            </a:pPr>
            <a:r>
              <a:rPr b="0" i="0" lang="en-US" sz="27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Načela igrifikacije i njihov utjecaj na motivaciju učenika;</a:t>
            </a:r>
            <a:endParaRPr b="0" i="0" sz="27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38" name="Google Shape;638;p41"/>
          <p:cNvSpPr txBox="1"/>
          <p:nvPr/>
        </p:nvSpPr>
        <p:spPr>
          <a:xfrm>
            <a:off x="4311775" y="4377325"/>
            <a:ext cx="6480900" cy="1078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700"/>
              <a:buFont typeface="Arial"/>
              <a:buNone/>
            </a:pPr>
            <a:r>
              <a:rPr b="0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loga igrifikacije u poboljšanju angažmana u digitalnim okruženjima.</a:t>
            </a:r>
            <a:endParaRPr/>
          </a:p>
        </p:txBody>
      </p:sp>
      <p:sp>
        <p:nvSpPr>
          <p:cNvPr id="639" name="Google Shape;639;p41"/>
          <p:cNvSpPr/>
          <p:nvPr/>
        </p:nvSpPr>
        <p:spPr>
          <a:xfrm>
            <a:off x="922678" y="2443447"/>
            <a:ext cx="1252920" cy="985559"/>
          </a:xfrm>
          <a:custGeom>
            <a:rect b="b" l="l" r="r" t="t"/>
            <a:pathLst>
              <a:path extrusionOk="0" h="782190" w="943819">
                <a:moveTo>
                  <a:pt x="0" y="0"/>
                </a:moveTo>
                <a:lnTo>
                  <a:pt x="943819" y="0"/>
                </a:lnTo>
                <a:lnTo>
                  <a:pt x="943819" y="782190"/>
                </a:lnTo>
                <a:lnTo>
                  <a:pt x="0" y="78219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640" name="Google Shape;640;p41"/>
          <p:cNvSpPr/>
          <p:nvPr/>
        </p:nvSpPr>
        <p:spPr>
          <a:xfrm>
            <a:off x="3663200" y="4288527"/>
            <a:ext cx="936890" cy="1167479"/>
          </a:xfrm>
          <a:custGeom>
            <a:rect b="b" l="l" r="r" t="t"/>
            <a:pathLst>
              <a:path extrusionOk="0" h="981075" w="777502">
                <a:moveTo>
                  <a:pt x="0" y="0"/>
                </a:moveTo>
                <a:lnTo>
                  <a:pt x="777502" y="0"/>
                </a:lnTo>
                <a:lnTo>
                  <a:pt x="777502" y="981075"/>
                </a:lnTo>
                <a:lnTo>
                  <a:pt x="0" y="98107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641" name="Google Shape;641;p41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45" name="Shape 64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A picture containing icon  Description automatically generated" id="646" name="Google Shape;646;p42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47" name="Google Shape;647;p42"/>
          <p:cNvSpPr txBox="1"/>
          <p:nvPr/>
        </p:nvSpPr>
        <p:spPr>
          <a:xfrm>
            <a:off x="906742" y="1561038"/>
            <a:ext cx="10378500" cy="4426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914400" marR="0" rtl="0" algn="ctr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1. </a:t>
            </a:r>
            <a:r>
              <a:rPr b="1" i="0" lang="en-US" sz="22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Formativna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i </a:t>
            </a:r>
            <a:r>
              <a:rPr b="1" i="0" lang="en-US" sz="22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sumativna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ocjena:</a:t>
            </a:r>
            <a:b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1" i="0" sz="2200" u="sng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2"/>
                </a:highlight>
                <a:latin typeface="Philosopher"/>
                <a:ea typeface="Philosopher"/>
                <a:cs typeface="Philosopher"/>
                <a:sym typeface="Philosopher"/>
              </a:rPr>
              <a:t>Formativno ocjenjivanje:</a:t>
            </a:r>
            <a:r>
              <a:rPr b="1" i="0" lang="en-US" sz="2000" u="none" cap="none" strike="noStrike">
                <a:solidFill>
                  <a:schemeClr val="dk1"/>
                </a:solidFill>
                <a:highlight>
                  <a:schemeClr val="accent2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ontinuirano, kontinuirano ocjenjivanje koje pruža neposredan uvid u napredak učenika tijekom procesa učenj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nudite specifične, konstruktivne povratne informacije koje usmjeravaju razumijevanje učenika i ističu područja za poboljšanje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Sumativna procjena:</a:t>
            </a:r>
            <a:r>
              <a:rPr b="0" i="0" lang="en-US" sz="2000" u="none" cap="none" strike="noStrike">
                <a:solidFill>
                  <a:schemeClr val="dk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ocijenite cjelokupno razumijevanje i znanje učenika na kraju cjeline ili tečaj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užite sveobuhvatne povratne informacije koje pojačavaju njihova postignuća i predlažu načine za poboljšanje njihovog razumijevanja za buduće učenje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48" name="Google Shape;648;p42"/>
          <p:cNvSpPr txBox="1"/>
          <p:nvPr/>
        </p:nvSpPr>
        <p:spPr>
          <a:xfrm>
            <a:off x="2972250" y="123925"/>
            <a:ext cx="6544200" cy="70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procjene i učinkovite povratne informacije</a:t>
            </a:r>
            <a:endParaRPr b="1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49" name="Google Shape;649;p42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50" name="Google Shape;650;p4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51" name="Google Shape;651;p4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52" name="Google Shape;652;p4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53" name="Google Shape;653;p42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57" name="Shape 65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A picture containing icon  Description automatically generated" id="658" name="Google Shape;658;p43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59" name="Google Shape;659;p43"/>
          <p:cNvSpPr txBox="1"/>
          <p:nvPr/>
        </p:nvSpPr>
        <p:spPr>
          <a:xfrm>
            <a:off x="906742" y="1332438"/>
            <a:ext cx="10378500" cy="4548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2. </a:t>
            </a:r>
            <a:r>
              <a:rPr b="1" i="0" lang="en-US" sz="2000" u="none" cap="none" strike="noStrike">
                <a:solidFill>
                  <a:schemeClr val="accent1"/>
                </a:solidFill>
                <a:latin typeface="Philosopher"/>
                <a:ea typeface="Philosopher"/>
                <a:cs typeface="Philosopher"/>
                <a:sym typeface="Philosopher"/>
              </a:rPr>
              <a:t>Autentične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cjene:</a:t>
            </a:r>
            <a:endParaRPr b="1" i="0" sz="2000" u="sng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ocjene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izajna koje odražavaju zadatke i scenarije iz stvarnog svijeta, zahtijevajući od učenika da primijene svoja znanja i vještine u praktičnim kontekstim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vežite povratne informacije s aplikacijom iz stvarnog svijeta, naglašavajući kako su njihovi napori usklađeni s praktičnim vještinama i očekivanjim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. </a:t>
            </a:r>
            <a:r>
              <a:rPr b="1" i="0" lang="en-US" sz="2000" u="none" cap="none" strike="noStrike">
                <a:solidFill>
                  <a:schemeClr val="accent3"/>
                </a:solidFill>
                <a:latin typeface="Philosopher"/>
                <a:ea typeface="Philosopher"/>
                <a:cs typeface="Philosopher"/>
                <a:sym typeface="Philosopher"/>
              </a:rPr>
              <a:t>Vršnjačka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ocjena:</a:t>
            </a:r>
            <a:endParaRPr b="1" i="0" sz="2000" u="sng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3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b="0" i="0" lang="en-US" sz="2000" u="none" cap="none" strike="noStrike">
                <a:solidFill>
                  <a:schemeClr val="lt1"/>
                </a:solidFill>
                <a:highlight>
                  <a:schemeClr val="accent3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Neka učenici procijene i daju povratne informacije o radu svojih vršnjaka, promičući kritičko razmišljanje i samoprocjenu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: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bučite učenike da pruže konstruktivne povratne informacije, naglašavajući pozitivne aspekte i nudeći prijedloge za poboljšanje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60" name="Google Shape;660;p43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procjene i učinkovite povratne informacije</a:t>
            </a:r>
            <a:endParaRPr b="1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61" name="Google Shape;661;p43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62" name="Google Shape;662;p4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63" name="Google Shape;663;p4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64" name="Google Shape;664;p4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65" name="Google Shape;665;p43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69" name="Shape 66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A picture containing icon  Description automatically generated" id="670" name="Google Shape;670;p44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71" name="Google Shape;671;p44"/>
          <p:cNvSpPr txBox="1"/>
          <p:nvPr/>
        </p:nvSpPr>
        <p:spPr>
          <a:xfrm>
            <a:off x="906742" y="1256238"/>
            <a:ext cx="10378500" cy="4548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. </a:t>
            </a:r>
            <a:r>
              <a:rPr b="1" i="0" lang="en-US" sz="2000" u="none" cap="none" strike="noStrike">
                <a:solidFill>
                  <a:schemeClr val="accent6"/>
                </a:solidFill>
                <a:latin typeface="Philosopher"/>
                <a:ea typeface="Philosopher"/>
                <a:cs typeface="Philosopher"/>
                <a:sym typeface="Philosopher"/>
              </a:rPr>
              <a:t>Samoprocjena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b="1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6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taknite učenike da razmišljaju o vlastitom radu i napretku, promičući samosvijest i metakognitivne vještine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: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užite smjernice o samoprocjeni, pomažući učenicima da prepoznaju svoje prednosti i područja za rast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. </a:t>
            </a:r>
            <a:r>
              <a:rPr b="1" i="0" lang="en-US" sz="2000" u="none" cap="none" strike="noStrike">
                <a:solidFill>
                  <a:schemeClr val="accent5"/>
                </a:solidFill>
                <a:latin typeface="Philosopher"/>
                <a:ea typeface="Philosopher"/>
                <a:cs typeface="Philosopher"/>
                <a:sym typeface="Philosopher"/>
              </a:rPr>
              <a:t>Interaktivni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vizovi i ankete:</a:t>
            </a:r>
            <a:endParaRPr b="1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5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Uključite brze kvizove i ankete kako biste procijenili razumijevanje i angažman učenik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užite neposredne povratne informacije nakon svakog pitanja, objašnjavajući točne odgovore i rješavajući zablude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72" name="Google Shape;672;p44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procjene i učinkovite povratne informacije</a:t>
            </a:r>
            <a:endParaRPr b="1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73" name="Google Shape;673;p44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74" name="Google Shape;674;p4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75" name="Google Shape;675;p4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76" name="Google Shape;676;p4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77" name="Google Shape;677;p44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81" name="Shape 6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2" name="Google Shape;682;p45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procjene i učinkovite povratne informacije</a:t>
            </a:r>
            <a:endParaRPr b="1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83" name="Google Shape;683;p45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84" name="Google Shape;684;p4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85" name="Google Shape;685;p4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86" name="Google Shape;686;p4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687" name="Google Shape;687;p45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88" name="Google Shape;688;p45"/>
          <p:cNvSpPr txBox="1"/>
          <p:nvPr/>
        </p:nvSpPr>
        <p:spPr>
          <a:xfrm>
            <a:off x="893804" y="1360813"/>
            <a:ext cx="10378500" cy="4548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. </a:t>
            </a: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ocjene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0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temeljene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na scenariju:</a:t>
            </a:r>
            <a:endParaRPr b="1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2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edstavite učenicima scenarije iz stvarnog svijeta koji od njih zahtijevaju donošenje odluka na temelju njihovog razumijevanja predmet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užite povratne informacije koje raspravljaju o posljedicama njihovih odluka i kako se usklađuju s predmetom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7. </a:t>
            </a:r>
            <a:r>
              <a:rPr b="1" i="0" lang="en-US" sz="2000" u="none" cap="none" strike="noStrike">
                <a:solidFill>
                  <a:schemeClr val="accent1"/>
                </a:solidFill>
                <a:latin typeface="Philosopher"/>
                <a:ea typeface="Philosopher"/>
                <a:cs typeface="Philosopher"/>
                <a:sym typeface="Philosopher"/>
              </a:rPr>
              <a:t>Rubrike i kriteriji:</a:t>
            </a:r>
            <a:endParaRPr b="1" i="0" sz="2000" u="none" cap="none" strike="noStrike">
              <a:solidFill>
                <a:schemeClr val="accent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asno definirajte kriterije i rubrike procjene kako biste prenijeli očekivanja i standarde procjene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skladite povratne informacije s određenim kriterijima, ističući gdje su se učenici istaknuli i gdje se mogu poboljšati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689" name="Google Shape;689;p45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693" name="Shape 69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4" name="Google Shape;694;p46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procjene i učinkovite povratne informacije</a:t>
            </a:r>
            <a:endParaRPr b="1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95" name="Google Shape;695;p46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96" name="Google Shape;696;p4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97" name="Google Shape;697;p4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98" name="Google Shape;698;p4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699" name="Google Shape;699;p46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00" name="Google Shape;700;p46"/>
          <p:cNvSpPr txBox="1"/>
          <p:nvPr/>
        </p:nvSpPr>
        <p:spPr>
          <a:xfrm>
            <a:off x="1163963" y="1315200"/>
            <a:ext cx="9838200" cy="42276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8. </a:t>
            </a:r>
            <a:r>
              <a:rPr b="1" i="0" lang="en-US" sz="20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Audio i video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vratne informacije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b="1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užite povratne informacije u obliku audio ili video zapisa, omogućujući personaliziraniji i privlačniji pristup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Upotrijebite ton, geste i izraze kako biste učinkovito prenijeli ohrabrenje i vodstvo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ctr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9. </a:t>
            </a:r>
            <a:r>
              <a:rPr b="1" i="0" lang="en-US" sz="2000" u="none" cap="none" strike="noStrike">
                <a:solidFill>
                  <a:schemeClr val="accent3"/>
                </a:solidFill>
                <a:latin typeface="Philosopher"/>
                <a:ea typeface="Philosopher"/>
                <a:cs typeface="Philosopher"/>
                <a:sym typeface="Philosopher"/>
              </a:rPr>
              <a:t>Pravovremene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vratne informacije:</a:t>
            </a:r>
            <a:endParaRPr b="1" i="0" sz="2000" u="sng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3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nudite povratne informacije odmah nakon procjena kako biste održali zamah i motivaciju učenik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Odredite prioritet pravovremene isporuke, istodobno osiguravajući da su povratne informacije detaljne i djelotvorne.</a:t>
            </a:r>
            <a:endParaRPr b="1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701" name="Google Shape;701;p46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705" name="Shape 7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6" name="Google Shape;706;p47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procjene i učinkovite povratne informacije</a:t>
            </a:r>
            <a:endParaRPr b="1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07" name="Google Shape;707;p47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708" name="Google Shape;708;p4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09" name="Google Shape;709;p4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10" name="Google Shape;710;p4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711" name="Google Shape;711;p47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12" name="Google Shape;712;p47"/>
          <p:cNvSpPr txBox="1"/>
          <p:nvPr/>
        </p:nvSpPr>
        <p:spPr>
          <a:xfrm>
            <a:off x="1400275" y="1853775"/>
            <a:ext cx="9225300" cy="2072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10.</a:t>
            </a: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vratne informacije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1" i="0" lang="en-US" sz="2000" u="none" cap="none" strike="noStrike">
                <a:solidFill>
                  <a:schemeClr val="accent5"/>
                </a:solidFill>
                <a:latin typeface="Philosopher"/>
                <a:ea typeface="Philosopher"/>
                <a:cs typeface="Philosopher"/>
                <a:sym typeface="Philosopher"/>
              </a:rPr>
              <a:t>usmjerene 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 cilj:</a:t>
            </a:r>
            <a:endParaRPr b="1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000" u="none" cap="none" strike="noStrike">
                <a:solidFill>
                  <a:schemeClr val="lt1"/>
                </a:solidFill>
                <a:highlight>
                  <a:schemeClr val="accent5"/>
                </a:highlight>
                <a:latin typeface="Philosopher"/>
                <a:ea typeface="Philosopher"/>
                <a:cs typeface="Philosopher"/>
                <a:sym typeface="Philosopher"/>
              </a:rPr>
              <a:t>Opis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skladite povratne informacije s individualnim ciljevima učenika, naglašavajući kako njihovi napori doprinose njihovom putu učenj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e povratne informacije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epoznajte napredak prema ciljevima, predlažući strategije za njihovo daljnje postizanje.</a:t>
            </a:r>
            <a:endParaRPr b="1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13" name="Google Shape;713;p47"/>
          <p:cNvSpPr/>
          <p:nvPr/>
        </p:nvSpPr>
        <p:spPr>
          <a:xfrm>
            <a:off x="8482450" y="4140102"/>
            <a:ext cx="2143125" cy="2143125"/>
          </a:xfrm>
          <a:custGeom>
            <a:rect b="b" l="l" r="r" t="t"/>
            <a:pathLst>
              <a:path extrusionOk="0" h="1371600" w="1371600">
                <a:moveTo>
                  <a:pt x="0" y="0"/>
                </a:moveTo>
                <a:lnTo>
                  <a:pt x="1371600" y="0"/>
                </a:lnTo>
                <a:lnTo>
                  <a:pt x="1371600" y="1371599"/>
                </a:lnTo>
                <a:lnTo>
                  <a:pt x="0" y="1371599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714" name="Google Shape;714;p47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718" name="Shape 7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19" name="Google Shape;719;p48"/>
          <p:cNvPicPr preferRelativeResize="0"/>
          <p:nvPr/>
        </p:nvPicPr>
        <p:blipFill rotWithShape="1">
          <a:blip r:embed="rId3">
            <a:alphaModFix amt="19000"/>
          </a:blip>
          <a:srcRect b="0" l="0" r="536" t="0"/>
          <a:stretch/>
        </p:blipFill>
        <p:spPr>
          <a:xfrm>
            <a:off x="0" y="0"/>
            <a:ext cx="12349350" cy="6934199"/>
          </a:xfrm>
          <a:prstGeom prst="rect">
            <a:avLst/>
          </a:prstGeom>
          <a:noFill/>
          <a:ln>
            <a:noFill/>
          </a:ln>
        </p:spPr>
      </p:pic>
      <p:sp>
        <p:nvSpPr>
          <p:cNvPr id="720" name="Google Shape;720;p48"/>
          <p:cNvSpPr txBox="1"/>
          <p:nvPr/>
        </p:nvSpPr>
        <p:spPr>
          <a:xfrm>
            <a:off x="1972800" y="55500"/>
            <a:ext cx="8469058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3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granje uloga: Prakticiranje pružanja povratnih informacija u digitalnom okruženju</a:t>
            </a:r>
            <a:br>
              <a:rPr b="1" i="0" lang="en-US" sz="23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1" i="0" lang="en-US" sz="23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("Promjena uloge edukatora")</a:t>
            </a:r>
            <a:endParaRPr b="1" i="0" sz="23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21" name="Google Shape;721;p48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722" name="Google Shape;722;p4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23" name="Google Shape;723;p4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24" name="Google Shape;724;p4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725" name="Google Shape;725;p48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26" name="Google Shape;726;p48"/>
          <p:cNvSpPr txBox="1"/>
          <p:nvPr/>
        </p:nvSpPr>
        <p:spPr>
          <a:xfrm>
            <a:off x="906742" y="1218613"/>
            <a:ext cx="10378500" cy="5109051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cenarij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b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mislite da ste nastavnik koji daje povratne informacije učeniku o nedavnom zadatku </a:t>
            </a: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slanom digitalno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Vaš je cilj 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užiti povratne informacije koje su motivirajuće, specifične i djelotvorne, potiču angažman i podržavaju rast učenika.</a:t>
            </a:r>
            <a:endParaRPr b="1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loge</a:t>
            </a:r>
            <a:endParaRPr b="1" i="0" sz="2000" u="sng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chemeClr val="dk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Edukator:</a:t>
            </a:r>
            <a:r>
              <a:rPr b="0" i="0" lang="en-US" sz="2000" u="none" cap="none" strike="noStrike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naj koji daje povratne informacije o učenikovom zadatku - Pruža povratne informacije o učenikovom zadatku. Koristite učinkovite strategije kao što je korištenje imena učenika, priznavanje prednosti i rješavanje područja za poboljšanje;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b="1" i="0" lang="en-US" sz="2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Učenik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naj koji prima povratne informacije i odgovara na njih - odgovara na povratne informacije, postavlja pitanja za pojašnjenje ili traži daljnje smjernice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derator primjećuje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omatrajte interakciju i uzmite u obzir strategije korištene u pružanju povratnih informacij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727" name="Google Shape;727;p4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731" name="Shape 7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2" name="Google Shape;732;p49"/>
          <p:cNvSpPr/>
          <p:nvPr/>
        </p:nvSpPr>
        <p:spPr>
          <a:xfrm>
            <a:off x="3844900" y="1614625"/>
            <a:ext cx="6715500" cy="36423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33" name="Google Shape;733;p49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očke za raspravu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34" name="Google Shape;734;p49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735" name="Google Shape;735;p4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36" name="Google Shape;736;p4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37" name="Google Shape;737;p4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738" name="Google Shape;738;p49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39" name="Google Shape;739;p49"/>
          <p:cNvSpPr txBox="1"/>
          <p:nvPr/>
        </p:nvSpPr>
        <p:spPr>
          <a:xfrm>
            <a:off x="4066750" y="1812750"/>
            <a:ext cx="6271800" cy="3232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-355600" lvl="0" marL="45720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lt1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Kako su strategije pružanja povratnih informacija koje je koristio nastavnik utjecale na angažman i motivaciju učenika?</a:t>
            </a:r>
            <a:br>
              <a:rPr b="0" i="0" lang="en-US" sz="2000" u="none" cap="none" strike="noStrike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0" i="0" sz="2000" u="none" cap="none" strike="noStrike">
              <a:solidFill>
                <a:schemeClr val="lt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Koje su specifične tehnike korištene kako bi povratne informacije bile motivirajuće, specifične i djelotvorne?</a:t>
            </a:r>
            <a:br>
              <a:rPr b="0" i="0" lang="en-US" sz="2000" u="none" cap="none" strike="noStrike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0" i="0" sz="2000" u="none" cap="none" strike="noStrike">
              <a:solidFill>
                <a:schemeClr val="lt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Kako ova igra uloga naglašava evoluirajuću ulogu odgojitelja u digitalnom dobu?</a:t>
            </a:r>
            <a:endParaRPr b="0" i="0" sz="2000" u="none" cap="none" strike="noStrike">
              <a:solidFill>
                <a:schemeClr val="lt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40" name="Google Shape;740;p49"/>
          <p:cNvSpPr/>
          <p:nvPr/>
        </p:nvSpPr>
        <p:spPr>
          <a:xfrm>
            <a:off x="1596075" y="3969375"/>
            <a:ext cx="2248814" cy="2083460"/>
          </a:xfrm>
          <a:custGeom>
            <a:rect b="b" l="l" r="r" t="t"/>
            <a:pathLst>
              <a:path extrusionOk="0" h="944880" w="944880">
                <a:moveTo>
                  <a:pt x="0" y="0"/>
                </a:moveTo>
                <a:lnTo>
                  <a:pt x="944880" y="0"/>
                </a:lnTo>
                <a:lnTo>
                  <a:pt x="944880" y="944880"/>
                </a:lnTo>
                <a:lnTo>
                  <a:pt x="0" y="9448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741" name="Google Shape;741;p4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96" name="Shape 9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" name="Google Shape;97;p5"/>
          <p:cNvSpPr/>
          <p:nvPr/>
        </p:nvSpPr>
        <p:spPr>
          <a:xfrm>
            <a:off x="851690" y="974337"/>
            <a:ext cx="6096000" cy="3429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A picture containing text, person, person  Description automatically generated" id="98" name="Google Shape;98;p5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7813" l="0" r="0" t="7812"/>
          <a:stretch/>
        </p:blipFill>
        <p:spPr>
          <a:xfrm>
            <a:off x="5360988" y="2700338"/>
            <a:ext cx="6096000" cy="3429000"/>
          </a:xfrm>
          <a:prstGeom prst="rect">
            <a:avLst/>
          </a:prstGeom>
          <a:noFill/>
          <a:ln>
            <a:noFill/>
          </a:ln>
        </p:spPr>
      </p:pic>
      <p:sp>
        <p:nvSpPr>
          <p:cNvPr id="99" name="Google Shape;99;p5"/>
          <p:cNvSpPr txBox="1"/>
          <p:nvPr/>
        </p:nvSpPr>
        <p:spPr>
          <a:xfrm>
            <a:off x="940650" y="1060975"/>
            <a:ext cx="4420500" cy="3215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700"/>
              <a:buFont typeface="Arial"/>
              <a:buNone/>
            </a:pPr>
            <a:r>
              <a:rPr b="1" i="0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vrha radionice</a:t>
            </a:r>
            <a:r>
              <a:rPr b="0" i="0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b="0" i="1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stražiti strategije angažmana u digitalnim okruženjima za učenje.</a:t>
            </a:r>
            <a:endParaRPr b="0" i="1" sz="1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700"/>
              <a:buFont typeface="Arial"/>
              <a:buNone/>
            </a:pPr>
            <a:r>
              <a:rPr b="1" i="0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sebni ciljevi za ovu sjednicu</a:t>
            </a:r>
            <a:r>
              <a:rPr b="0" i="0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b="0" i="0" sz="1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700"/>
              <a:buFont typeface="Arial"/>
              <a:buNone/>
            </a:pPr>
            <a:r>
              <a:rPr b="0" i="1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 Razumjeti važnost angažmana u digitalnom učenju.</a:t>
            </a:r>
            <a:endParaRPr b="0" i="1" sz="1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700"/>
              <a:buFont typeface="Arial"/>
              <a:buNone/>
            </a:pPr>
            <a:r>
              <a:rPr b="0" i="1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 Identificirati izazove i prilike povezane s angažmanom.</a:t>
            </a:r>
            <a:endParaRPr b="0" i="1" sz="1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700"/>
              <a:buFont typeface="Arial"/>
              <a:buNone/>
            </a:pPr>
            <a:r>
              <a:rPr b="1" i="0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teraktivna priroda sesije</a:t>
            </a:r>
            <a:r>
              <a:rPr b="0" i="0" lang="en-US" sz="1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- aktivno sudjelovanje je važno!</a:t>
            </a:r>
            <a:endParaRPr b="0" i="0" sz="2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descr="A picture containing icon  Description automatically generated" id="100" name="Google Shape;100;p5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037933" y="-45061"/>
            <a:ext cx="2386989" cy="1687495"/>
          </a:xfrm>
          <a:prstGeom prst="rect">
            <a:avLst/>
          </a:prstGeom>
          <a:noFill/>
          <a:ln>
            <a:noFill/>
          </a:ln>
        </p:spPr>
      </p:pic>
      <p:sp>
        <p:nvSpPr>
          <p:cNvPr id="101" name="Google Shape;101;p5"/>
          <p:cNvSpPr txBox="1"/>
          <p:nvPr/>
        </p:nvSpPr>
        <p:spPr>
          <a:xfrm>
            <a:off x="3433500" y="606993"/>
            <a:ext cx="3735600" cy="3834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VOD</a:t>
            </a:r>
            <a:endParaRPr b="1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02" name="Google Shape;102;p5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745" name="Shape 74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46" name="Google Shape;746;p50"/>
          <p:cNvPicPr preferRelativeResize="0"/>
          <p:nvPr/>
        </p:nvPicPr>
        <p:blipFill rotWithShape="1">
          <a:blip r:embed="rId3">
            <a:alphaModFix amt="20000"/>
          </a:blip>
          <a:srcRect b="7070" l="0" r="0" t="8440"/>
          <a:stretch/>
        </p:blipFill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747" name="Google Shape;747;p50"/>
          <p:cNvSpPr txBox="1"/>
          <p:nvPr/>
        </p:nvSpPr>
        <p:spPr>
          <a:xfrm>
            <a:off x="1972800" y="748725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ljučne strategije za učinkovito pružanje povratnih informacija: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48" name="Google Shape;748;p50"/>
          <p:cNvGrpSpPr/>
          <p:nvPr/>
        </p:nvGrpSpPr>
        <p:grpSpPr>
          <a:xfrm>
            <a:off x="5470010" y="1654739"/>
            <a:ext cx="1251984" cy="358200"/>
            <a:chOff x="5470062" y="1167647"/>
            <a:chExt cx="1251984" cy="358200"/>
          </a:xfrm>
        </p:grpSpPr>
        <p:sp>
          <p:nvSpPr>
            <p:cNvPr id="749" name="Google Shape;749;p5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50" name="Google Shape;750;p5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51" name="Google Shape;751;p5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752" name="Google Shape;752;p50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53" name="Google Shape;753;p50"/>
          <p:cNvSpPr/>
          <p:nvPr/>
        </p:nvSpPr>
        <p:spPr>
          <a:xfrm>
            <a:off x="893700" y="2818425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754" name="Google Shape;754;p50"/>
          <p:cNvSpPr/>
          <p:nvPr/>
        </p:nvSpPr>
        <p:spPr>
          <a:xfrm>
            <a:off x="4846625" y="4435925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755" name="Google Shape;755;p50"/>
          <p:cNvSpPr/>
          <p:nvPr/>
        </p:nvSpPr>
        <p:spPr>
          <a:xfrm>
            <a:off x="4846625" y="2818425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756" name="Google Shape;756;p50"/>
          <p:cNvSpPr/>
          <p:nvPr/>
        </p:nvSpPr>
        <p:spPr>
          <a:xfrm>
            <a:off x="8799000" y="2818425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57" name="Google Shape;757;p50"/>
          <p:cNvSpPr/>
          <p:nvPr/>
        </p:nvSpPr>
        <p:spPr>
          <a:xfrm>
            <a:off x="893700" y="3627175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758" name="Google Shape;758;p50"/>
          <p:cNvSpPr/>
          <p:nvPr/>
        </p:nvSpPr>
        <p:spPr>
          <a:xfrm>
            <a:off x="893700" y="4435925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759" name="Google Shape;759;p50"/>
          <p:cNvSpPr/>
          <p:nvPr/>
        </p:nvSpPr>
        <p:spPr>
          <a:xfrm>
            <a:off x="8799000" y="3627175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0" name="Google Shape;760;p50"/>
          <p:cNvSpPr/>
          <p:nvPr/>
        </p:nvSpPr>
        <p:spPr>
          <a:xfrm>
            <a:off x="4846625" y="3627175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accen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761" name="Google Shape;761;p50"/>
          <p:cNvSpPr txBox="1"/>
          <p:nvPr/>
        </p:nvSpPr>
        <p:spPr>
          <a:xfrm>
            <a:off x="1185888" y="2726775"/>
            <a:ext cx="3221100" cy="430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cija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2" name="Google Shape;762;p50"/>
          <p:cNvSpPr txBox="1"/>
          <p:nvPr/>
        </p:nvSpPr>
        <p:spPr>
          <a:xfrm>
            <a:off x="1145088" y="3535525"/>
            <a:ext cx="3221100" cy="430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zitivno pojačanje;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3" name="Google Shape;763;p50"/>
          <p:cNvSpPr txBox="1"/>
          <p:nvPr/>
        </p:nvSpPr>
        <p:spPr>
          <a:xfrm>
            <a:off x="1145102" y="4344275"/>
            <a:ext cx="3776700" cy="430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pecifičnost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4" name="Google Shape;764;p50"/>
          <p:cNvSpPr txBox="1"/>
          <p:nvPr/>
        </p:nvSpPr>
        <p:spPr>
          <a:xfrm>
            <a:off x="5098026" y="2726775"/>
            <a:ext cx="3572400" cy="430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nstruktivna kritika;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5" name="Google Shape;765;p50"/>
          <p:cNvSpPr txBox="1"/>
          <p:nvPr/>
        </p:nvSpPr>
        <p:spPr>
          <a:xfrm>
            <a:off x="5098026" y="3535525"/>
            <a:ext cx="3572400" cy="430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asnoća i jednostavnost;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6" name="Google Shape;766;p50"/>
          <p:cNvSpPr txBox="1"/>
          <p:nvPr/>
        </p:nvSpPr>
        <p:spPr>
          <a:xfrm>
            <a:off x="5098026" y="4344275"/>
            <a:ext cx="3572400" cy="430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hrabrenje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7" name="Google Shape;767;p50"/>
          <p:cNvSpPr txBox="1"/>
          <p:nvPr/>
        </p:nvSpPr>
        <p:spPr>
          <a:xfrm>
            <a:off x="9050401" y="2726775"/>
            <a:ext cx="1931400" cy="430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gažman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8" name="Google Shape;768;p50"/>
          <p:cNvSpPr txBox="1"/>
          <p:nvPr/>
        </p:nvSpPr>
        <p:spPr>
          <a:xfrm>
            <a:off x="9050400" y="3535525"/>
            <a:ext cx="2247900" cy="430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smjeren na budućnost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769" name="Google Shape;769;p5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773" name="Shape 7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4" name="Google Shape;774;p51"/>
          <p:cNvSpPr/>
          <p:nvPr/>
        </p:nvSpPr>
        <p:spPr>
          <a:xfrm>
            <a:off x="3824064" y="1076946"/>
            <a:ext cx="4543800" cy="4704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A picture containing logo  Description automatically generated" id="775" name="Google Shape;775;p51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0" l="14655" r="14648" t="0"/>
          <a:stretch/>
        </p:blipFill>
        <p:spPr>
          <a:xfrm>
            <a:off x="5068883" y="2238750"/>
            <a:ext cx="2054228" cy="2054224"/>
          </a:xfrm>
          <a:prstGeom prst="rect">
            <a:avLst/>
          </a:prstGeom>
          <a:noFill/>
          <a:ln>
            <a:noFill/>
          </a:ln>
        </p:spPr>
      </p:pic>
      <p:sp>
        <p:nvSpPr>
          <p:cNvPr id="776" name="Google Shape;776;p51"/>
          <p:cNvSpPr txBox="1"/>
          <p:nvPr/>
        </p:nvSpPr>
        <p:spPr>
          <a:xfrm>
            <a:off x="5450555" y="1678900"/>
            <a:ext cx="1290900" cy="369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6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sija 6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77" name="Google Shape;777;p51"/>
          <p:cNvSpPr txBox="1"/>
          <p:nvPr/>
        </p:nvSpPr>
        <p:spPr>
          <a:xfrm>
            <a:off x="3824077" y="463563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rilagođavanje strategija angažmana</a:t>
            </a:r>
            <a:endParaRPr b="0" i="0" sz="2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778" name="Google Shape;778;p51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782" name="Shape 78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3" name="Google Shape;783;p52"/>
          <p:cNvSpPr txBox="1"/>
          <p:nvPr/>
        </p:nvSpPr>
        <p:spPr>
          <a:xfrm>
            <a:off x="3897906" y="581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ažetak prethodne sesije</a:t>
            </a:r>
            <a:endParaRPr b="1" i="0" sz="2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84" name="Google Shape;784;p52"/>
          <p:cNvGrpSpPr/>
          <p:nvPr/>
        </p:nvGrpSpPr>
        <p:grpSpPr>
          <a:xfrm>
            <a:off x="5470087" y="1338322"/>
            <a:ext cx="1251984" cy="358200"/>
            <a:chOff x="5470062" y="1167647"/>
            <a:chExt cx="1251984" cy="358200"/>
          </a:xfrm>
        </p:grpSpPr>
        <p:sp>
          <p:nvSpPr>
            <p:cNvPr id="785" name="Google Shape;785;p5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86" name="Google Shape;786;p5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87" name="Google Shape;787;p5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788" name="Google Shape;788;p52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89" name="Google Shape;789;p52"/>
          <p:cNvSpPr txBox="1"/>
          <p:nvPr/>
        </p:nvSpPr>
        <p:spPr>
          <a:xfrm>
            <a:off x="2364450" y="2426450"/>
            <a:ext cx="6059700" cy="9858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700"/>
              <a:buFont typeface="Arial"/>
              <a:buNone/>
            </a:pPr>
            <a:r>
              <a:rPr b="0" i="0" lang="en-US" sz="27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Važnost korištenja procjene i povratnih informacija za poticanje angažmana;</a:t>
            </a:r>
            <a:endParaRPr b="0" i="0" sz="27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90" name="Google Shape;790;p52"/>
          <p:cNvSpPr txBox="1"/>
          <p:nvPr/>
        </p:nvSpPr>
        <p:spPr>
          <a:xfrm>
            <a:off x="6010450" y="4040175"/>
            <a:ext cx="4975500" cy="1078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700"/>
              <a:buFont typeface="Arial"/>
              <a:buNone/>
            </a:pPr>
            <a:r>
              <a:rPr b="0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ažnost povratnih informacija u jačanju motivacije učenika.</a:t>
            </a:r>
            <a:endParaRPr/>
          </a:p>
        </p:txBody>
      </p:sp>
      <p:sp>
        <p:nvSpPr>
          <p:cNvPr id="791" name="Google Shape;791;p52"/>
          <p:cNvSpPr/>
          <p:nvPr/>
        </p:nvSpPr>
        <p:spPr>
          <a:xfrm>
            <a:off x="1206053" y="2426166"/>
            <a:ext cx="986376" cy="986376"/>
          </a:xfrm>
          <a:custGeom>
            <a:rect b="b" l="l" r="r" t="t"/>
            <a:pathLst>
              <a:path extrusionOk="0" h="779744" w="779744">
                <a:moveTo>
                  <a:pt x="0" y="0"/>
                </a:moveTo>
                <a:lnTo>
                  <a:pt x="779744" y="0"/>
                </a:lnTo>
                <a:lnTo>
                  <a:pt x="779744" y="779745"/>
                </a:lnTo>
                <a:lnTo>
                  <a:pt x="0" y="77974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sp>
        <p:nvSpPr>
          <p:cNvPr id="792" name="Google Shape;792;p52"/>
          <p:cNvSpPr/>
          <p:nvPr/>
        </p:nvSpPr>
        <p:spPr>
          <a:xfrm>
            <a:off x="4799699" y="4086500"/>
            <a:ext cx="1189212" cy="985559"/>
          </a:xfrm>
          <a:custGeom>
            <a:rect b="b" l="l" r="r" t="t"/>
            <a:pathLst>
              <a:path extrusionOk="0" h="782190" w="943819">
                <a:moveTo>
                  <a:pt x="0" y="0"/>
                </a:moveTo>
                <a:lnTo>
                  <a:pt x="943819" y="0"/>
                </a:lnTo>
                <a:lnTo>
                  <a:pt x="943819" y="782190"/>
                </a:lnTo>
                <a:lnTo>
                  <a:pt x="0" y="78219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 b="0" l="0" r="0" t="0"/>
            </a:stretch>
          </a:blipFill>
          <a:ln>
            <a:noFill/>
          </a:ln>
        </p:spPr>
      </p:sp>
      <p:pic>
        <p:nvPicPr>
          <p:cNvPr id="793" name="Google Shape;793;p52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797" name="Shape 79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" name="Google Shape;798;p53"/>
          <p:cNvSpPr/>
          <p:nvPr/>
        </p:nvSpPr>
        <p:spPr>
          <a:xfrm>
            <a:off x="-7625" y="0"/>
            <a:ext cx="12207240" cy="6866573"/>
          </a:xfrm>
          <a:custGeom>
            <a:rect b="b" l="l" r="r" t="t"/>
            <a:pathLst>
              <a:path extrusionOk="0" h="10287000" w="18288000">
                <a:moveTo>
                  <a:pt x="0" y="0"/>
                </a:moveTo>
                <a:lnTo>
                  <a:pt x="18288000" y="0"/>
                </a:lnTo>
                <a:lnTo>
                  <a:pt x="18288000" y="10287000"/>
                </a:lnTo>
                <a:lnTo>
                  <a:pt x="0" y="1028700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3">
              <a:alphaModFix/>
            </a:blip>
            <a:stretch>
              <a:fillRect b="-9267" l="0" r="0" t="-9268"/>
            </a:stretch>
          </a:blipFill>
          <a:ln>
            <a:noFill/>
          </a:ln>
        </p:spPr>
      </p:sp>
      <p:sp>
        <p:nvSpPr>
          <p:cNvPr id="799" name="Google Shape;799;p53"/>
          <p:cNvSpPr/>
          <p:nvPr/>
        </p:nvSpPr>
        <p:spPr>
          <a:xfrm>
            <a:off x="0" y="2199600"/>
            <a:ext cx="12192000" cy="24588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00" name="Google Shape;800;p53"/>
          <p:cNvSpPr txBox="1"/>
          <p:nvPr/>
        </p:nvSpPr>
        <p:spPr>
          <a:xfrm>
            <a:off x="1972800" y="714875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3000" u="none" cap="none" strike="noStrike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3000" u="none" cap="none" strike="noStrike">
              <a:solidFill>
                <a:schemeClr val="dk1"/>
              </a:solidFill>
              <a:highlight>
                <a:schemeClr val="accent1"/>
              </a:highlight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descr="A picture containing icon  Description automatically generated" id="801" name="Google Shape;801;p53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02" name="Google Shape;802;p53"/>
          <p:cNvSpPr txBox="1"/>
          <p:nvPr/>
        </p:nvSpPr>
        <p:spPr>
          <a:xfrm>
            <a:off x="731700" y="2773350"/>
            <a:ext cx="10728600" cy="13113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457200" marR="0" rtl="0" algn="ctr">
              <a:lnSpc>
                <a:spcPct val="115000"/>
              </a:lnSpc>
              <a:spcBef>
                <a:spcPts val="1500"/>
              </a:spcBef>
              <a:spcAft>
                <a:spcPts val="100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1" i="1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cija strategija angažmana</a:t>
            </a:r>
            <a:r>
              <a:rPr b="0" i="1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ljučna je za </a:t>
            </a:r>
            <a:r>
              <a:rPr b="1" i="1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dovoljavanje različitih potreba, preferencija i stilova učenja vaših učenika</a:t>
            </a:r>
            <a:r>
              <a:rPr b="0" i="1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Evo nekoliko </a:t>
            </a:r>
            <a:r>
              <a:rPr b="1" i="1" lang="en-US" sz="24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činkovitih strategija i tehnika</a:t>
            </a:r>
            <a:r>
              <a:rPr b="0" i="1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za prilagodbu pristupa angažmana:</a:t>
            </a:r>
            <a:endParaRPr b="0" i="1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03" name="Google Shape;803;p5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07" name="Shape 80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08" name="Google Shape;808;p54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-474426" y="1173701"/>
            <a:ext cx="6391274" cy="4793450"/>
          </a:xfrm>
          <a:prstGeom prst="rect">
            <a:avLst/>
          </a:prstGeom>
          <a:noFill/>
          <a:ln>
            <a:noFill/>
          </a:ln>
        </p:spPr>
      </p:pic>
      <p:sp>
        <p:nvSpPr>
          <p:cNvPr id="809" name="Google Shape;809;p54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10" name="Google Shape;810;p54"/>
          <p:cNvGrpSpPr/>
          <p:nvPr/>
        </p:nvGrpSpPr>
        <p:grpSpPr>
          <a:xfrm>
            <a:off x="5470010" y="950514"/>
            <a:ext cx="1251984" cy="358200"/>
            <a:chOff x="5470062" y="1167647"/>
            <a:chExt cx="1251984" cy="358200"/>
          </a:xfrm>
        </p:grpSpPr>
        <p:sp>
          <p:nvSpPr>
            <p:cNvPr id="811" name="Google Shape;811;p5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12" name="Google Shape;812;p5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13" name="Google Shape;813;p5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814" name="Google Shape;814;p54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15" name="Google Shape;815;p54"/>
          <p:cNvSpPr txBox="1"/>
          <p:nvPr/>
        </p:nvSpPr>
        <p:spPr>
          <a:xfrm>
            <a:off x="5470000" y="1978200"/>
            <a:ext cx="6206100" cy="3382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500"/>
              <a:buFont typeface="Arial"/>
              <a:buNone/>
            </a:pPr>
            <a: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STILOVI UČENJA</a:t>
            </a:r>
            <a:b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1" i="0" sz="1000" u="none" cap="none" strike="noStrike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sng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Identificirajte različite stilove učenja (vizualni, slušni, kinestetički) i prilagodite aktivnosti angažmana.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1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Tehnike:</a:t>
            </a:r>
            <a:r>
              <a:rPr b="1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Osigurati vizualne materijale, ugraditi audio elemente i uključiti praktične aktivnosti kako bi se prilagodile različitim sklonostima učenja.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16" name="Google Shape;816;p5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20" name="Shape 8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21" name="Google Shape;821;p55"/>
          <p:cNvPicPr preferRelativeResize="0"/>
          <p:nvPr/>
        </p:nvPicPr>
        <p:blipFill rotWithShape="1">
          <a:blip r:embed="rId3">
            <a:alphaModFix amt="23000"/>
          </a:blip>
          <a:srcRect b="0" l="0" r="0" t="16254"/>
          <a:stretch/>
        </p:blipFill>
        <p:spPr>
          <a:xfrm>
            <a:off x="-25" y="55500"/>
            <a:ext cx="12192000" cy="6802500"/>
          </a:xfrm>
          <a:prstGeom prst="rect">
            <a:avLst/>
          </a:prstGeom>
          <a:noFill/>
          <a:ln>
            <a:noFill/>
          </a:ln>
        </p:spPr>
      </p:pic>
      <p:sp>
        <p:nvSpPr>
          <p:cNvPr id="822" name="Google Shape;822;p55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23" name="Google Shape;823;p55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24" name="Google Shape;824;p5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25" name="Google Shape;825;p5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26" name="Google Shape;826;p5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827" name="Google Shape;827;p55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28" name="Google Shape;828;p55"/>
          <p:cNvSpPr txBox="1"/>
          <p:nvPr/>
        </p:nvSpPr>
        <p:spPr>
          <a:xfrm>
            <a:off x="3719225" y="1773550"/>
            <a:ext cx="4753500" cy="477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500"/>
              <a:buFont typeface="Arial"/>
              <a:buNone/>
            </a:pPr>
            <a: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2. Fleksibilni putevi: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29" name="Google Shape;829;p55"/>
          <p:cNvSpPr txBox="1"/>
          <p:nvPr/>
        </p:nvSpPr>
        <p:spPr>
          <a:xfrm>
            <a:off x="914125" y="3429000"/>
            <a:ext cx="3884100" cy="1691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nudite učenicima fleksibilnost da odaberu svoje putove učenja na temelju svojih interesa i snaga.</a:t>
            </a:r>
            <a:endParaRPr/>
          </a:p>
        </p:txBody>
      </p:sp>
      <p:sp>
        <p:nvSpPr>
          <p:cNvPr id="830" name="Google Shape;830;p55"/>
          <p:cNvSpPr txBox="1"/>
          <p:nvPr/>
        </p:nvSpPr>
        <p:spPr>
          <a:xfrm>
            <a:off x="7689750" y="2583150"/>
            <a:ext cx="4034400" cy="1691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užite različite opcije tema ili omogućite učenicima da odaberu projekte usklađene sa svojim strastima.</a:t>
            </a:r>
            <a:endParaRPr/>
          </a:p>
        </p:txBody>
      </p:sp>
      <p:pic>
        <p:nvPicPr>
          <p:cNvPr id="831" name="Google Shape;831;p55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35" name="Shape 8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36" name="Google Shape;836;p56"/>
          <p:cNvPicPr preferRelativeResize="0"/>
          <p:nvPr/>
        </p:nvPicPr>
        <p:blipFill rotWithShape="1">
          <a:blip r:embed="rId3">
            <a:alphaModFix amt="47000"/>
          </a:blip>
          <a:srcRect b="0" l="0" r="0" t="17409"/>
          <a:stretch/>
        </p:blipFill>
        <p:spPr>
          <a:xfrm>
            <a:off x="0" y="0"/>
            <a:ext cx="12192000" cy="6906576"/>
          </a:xfrm>
          <a:prstGeom prst="rect">
            <a:avLst/>
          </a:prstGeom>
          <a:noFill/>
          <a:ln>
            <a:noFill/>
          </a:ln>
        </p:spPr>
      </p:pic>
      <p:sp>
        <p:nvSpPr>
          <p:cNvPr id="837" name="Google Shape;837;p56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38" name="Google Shape;838;p56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39" name="Google Shape;839;p5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40" name="Google Shape;840;p5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41" name="Google Shape;841;p5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842" name="Google Shape;842;p56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43" name="Google Shape;843;p56"/>
          <p:cNvSpPr txBox="1"/>
          <p:nvPr/>
        </p:nvSpPr>
        <p:spPr>
          <a:xfrm>
            <a:off x="2031300" y="1849088"/>
            <a:ext cx="8129400" cy="477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3. Izbor i autonomija:</a:t>
            </a:r>
            <a:endParaRPr b="0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44" name="Google Shape;844;p56"/>
          <p:cNvSpPr txBox="1"/>
          <p:nvPr/>
        </p:nvSpPr>
        <p:spPr>
          <a:xfrm>
            <a:off x="7351100" y="2896575"/>
            <a:ext cx="4533600" cy="1691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</a:t>
            </a:r>
            <a:r>
              <a:rPr b="0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mogućite učenicima da odaberu između više projektnih tema ili im prepustite da odluče kako će pokazati svoje razumijevanje.</a:t>
            </a:r>
            <a:endParaRPr/>
          </a:p>
        </p:txBody>
      </p:sp>
      <p:sp>
        <p:nvSpPr>
          <p:cNvPr id="845" name="Google Shape;845;p56"/>
          <p:cNvSpPr txBox="1"/>
          <p:nvPr/>
        </p:nvSpPr>
        <p:spPr>
          <a:xfrm>
            <a:off x="768600" y="2896575"/>
            <a:ext cx="4126200" cy="1691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snažite učenike nudeći izbore u zadacima i aktivnostima, promičući osjećaj vlasništva.</a:t>
            </a:r>
            <a:endParaRPr/>
          </a:p>
        </p:txBody>
      </p:sp>
      <p:pic>
        <p:nvPicPr>
          <p:cNvPr id="846" name="Google Shape;846;p56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50" name="Shape 8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51" name="Google Shape;851;p57"/>
          <p:cNvPicPr preferRelativeResize="0"/>
          <p:nvPr/>
        </p:nvPicPr>
        <p:blipFill rotWithShape="1">
          <a:blip r:embed="rId3">
            <a:alphaModFix amt="65000"/>
          </a:blip>
          <a:srcRect b="0" l="0" r="0" t="0"/>
          <a:stretch/>
        </p:blipFill>
        <p:spPr>
          <a:xfrm>
            <a:off x="5922826" y="2208825"/>
            <a:ext cx="6070925" cy="4040950"/>
          </a:xfrm>
          <a:prstGeom prst="rect">
            <a:avLst/>
          </a:prstGeom>
          <a:noFill/>
          <a:ln>
            <a:noFill/>
          </a:ln>
        </p:spPr>
      </p:pic>
      <p:sp>
        <p:nvSpPr>
          <p:cNvPr id="852" name="Google Shape;852;p57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53" name="Google Shape;853;p57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54" name="Google Shape;854;p5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55" name="Google Shape;855;p5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56" name="Google Shape;856;p5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857" name="Google Shape;857;p57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58" name="Google Shape;858;p57"/>
          <p:cNvSpPr txBox="1"/>
          <p:nvPr/>
        </p:nvSpPr>
        <p:spPr>
          <a:xfrm>
            <a:off x="3526650" y="1467200"/>
            <a:ext cx="5138700" cy="919442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Kulturna osjetljivost</a:t>
            </a:r>
            <a:endParaRPr b="1" i="0" sz="2000" u="none" cap="none" strike="noStrike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59" name="Google Shape;859;p57"/>
          <p:cNvSpPr txBox="1"/>
          <p:nvPr/>
        </p:nvSpPr>
        <p:spPr>
          <a:xfrm>
            <a:off x="881675" y="2703188"/>
            <a:ext cx="4841400" cy="3052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štujte kulturno podrijetlo učenika integriranjem različitih perspektiva i referenci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Uključite primjere, studije slučaja i sadržaj iz različitih kultura kako biste povećali relevantnost i inkluzivnost.</a:t>
            </a:r>
            <a:endParaRPr/>
          </a:p>
        </p:txBody>
      </p:sp>
      <p:pic>
        <p:nvPicPr>
          <p:cNvPr id="860" name="Google Shape;860;p57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64" name="Shape 8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65" name="Google Shape;865;p58"/>
          <p:cNvPicPr preferRelativeResize="0"/>
          <p:nvPr/>
        </p:nvPicPr>
        <p:blipFill rotWithShape="1">
          <a:blip r:embed="rId3">
            <a:alphaModFix amt="46000"/>
          </a:blip>
          <a:srcRect b="21049" l="0" r="8508" t="10470"/>
          <a:stretch/>
        </p:blipFill>
        <p:spPr>
          <a:xfrm>
            <a:off x="3651475" y="447475"/>
            <a:ext cx="8616875" cy="6449075"/>
          </a:xfrm>
          <a:prstGeom prst="rect">
            <a:avLst/>
          </a:prstGeom>
          <a:noFill/>
          <a:ln>
            <a:noFill/>
          </a:ln>
        </p:spPr>
      </p:pic>
      <p:sp>
        <p:nvSpPr>
          <p:cNvPr id="866" name="Google Shape;866;p58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67" name="Google Shape;867;p58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68" name="Google Shape;868;p5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69" name="Google Shape;869;p5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70" name="Google Shape;870;p5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871" name="Google Shape;871;p58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72" name="Google Shape;872;p58"/>
          <p:cNvSpPr txBox="1"/>
          <p:nvPr/>
        </p:nvSpPr>
        <p:spPr>
          <a:xfrm>
            <a:off x="3235050" y="1500225"/>
            <a:ext cx="5721900" cy="477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5. Osobni ciljevi učenja:</a:t>
            </a:r>
            <a:endParaRPr b="1" i="0" sz="2200" u="none" cap="none" strike="noStrike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73" name="Google Shape;873;p58"/>
          <p:cNvSpPr txBox="1"/>
          <p:nvPr/>
        </p:nvSpPr>
        <p:spPr>
          <a:xfrm>
            <a:off x="559550" y="2157725"/>
            <a:ext cx="3807000" cy="1691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taknite učenike da postave vlastite ciljeve učenja, čineći iskustvo učenja smislenijim.</a:t>
            </a:r>
            <a:endParaRPr/>
          </a:p>
        </p:txBody>
      </p:sp>
      <p:sp>
        <p:nvSpPr>
          <p:cNvPr id="874" name="Google Shape;874;p58"/>
          <p:cNvSpPr txBox="1"/>
          <p:nvPr/>
        </p:nvSpPr>
        <p:spPr>
          <a:xfrm>
            <a:off x="612900" y="4029925"/>
            <a:ext cx="4512900" cy="16917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eka učenici definiraju što žele postići i kako to namjeravaju postići, usklađujući ciljeve s ciljevima vašeg tečaja.</a:t>
            </a:r>
            <a:endParaRPr/>
          </a:p>
        </p:txBody>
      </p:sp>
      <p:pic>
        <p:nvPicPr>
          <p:cNvPr id="875" name="Google Shape;875;p5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79" name="Shape 87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" name="Google Shape;880;p59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81" name="Google Shape;881;p59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82" name="Google Shape;882;p5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83" name="Google Shape;883;p5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84" name="Google Shape;884;p5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885" name="Google Shape;885;p59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86" name="Google Shape;886;p59"/>
          <p:cNvSpPr txBox="1"/>
          <p:nvPr/>
        </p:nvSpPr>
        <p:spPr>
          <a:xfrm>
            <a:off x="824825" y="2270475"/>
            <a:ext cx="5344800" cy="3205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500"/>
              <a:buFont typeface="Arial"/>
              <a:buNone/>
            </a:pPr>
            <a: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6. Adaptivni sadržaj:</a:t>
            </a:r>
            <a:endParaRPr b="1" i="0" sz="2500" u="none" cap="none" strike="noStrike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ristite prilagodljive platforme za učenje koje prilagođavaju sadržaj na temelju uspješnosti i napretka učenika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ristite platforme koje analiziraju odgovore učenika i prilagođavaju naknadni sadržaj kako bi se riješila područja izazova.</a:t>
            </a:r>
            <a:endParaRPr b="1" i="0" sz="22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87" name="Google Shape;887;p59"/>
          <p:cNvPicPr preferRelativeResize="0"/>
          <p:nvPr/>
        </p:nvPicPr>
        <p:blipFill rotWithShape="1">
          <a:blip r:embed="rId4">
            <a:alphaModFix amt="32000"/>
          </a:blip>
          <a:srcRect b="0" l="0" r="0" t="0"/>
          <a:stretch/>
        </p:blipFill>
        <p:spPr>
          <a:xfrm>
            <a:off x="6313865" y="1509450"/>
            <a:ext cx="5344747" cy="4891351"/>
          </a:xfrm>
          <a:prstGeom prst="rect">
            <a:avLst/>
          </a:prstGeom>
          <a:noFill/>
          <a:ln>
            <a:noFill/>
          </a:ln>
        </p:spPr>
      </p:pic>
      <p:pic>
        <p:nvPicPr>
          <p:cNvPr id="888" name="Google Shape;888;p5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06" name="Shape 1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A person walking on a beach  Description automatically generated with medium confidence" id="107" name="Google Shape;107;p6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7813" l="0" r="0" t="7812"/>
          <a:stretch/>
        </p:blipFill>
        <p:spPr>
          <a:xfrm>
            <a:off x="0" y="0"/>
            <a:ext cx="12191999" cy="6858001"/>
          </a:xfrm>
          <a:prstGeom prst="rect">
            <a:avLst/>
          </a:prstGeom>
          <a:noFill/>
          <a:ln>
            <a:noFill/>
          </a:ln>
        </p:spPr>
      </p:pic>
      <p:sp>
        <p:nvSpPr>
          <p:cNvPr id="108" name="Google Shape;108;p6"/>
          <p:cNvSpPr/>
          <p:nvPr/>
        </p:nvSpPr>
        <p:spPr>
          <a:xfrm rot="10800000">
            <a:off x="163050" y="118850"/>
            <a:ext cx="4539900" cy="397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09" name="Google Shape;109;p6"/>
          <p:cNvSpPr txBox="1"/>
          <p:nvPr/>
        </p:nvSpPr>
        <p:spPr>
          <a:xfrm>
            <a:off x="245100" y="184400"/>
            <a:ext cx="4375800" cy="38469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b="1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azvojna uloga edukatora odražava pomak od pružanja informacija prema kultiviranju vještina; </a:t>
            </a:r>
            <a:br>
              <a:rPr b="1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1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imarna uloga edukatora sada je poticanje kritičkog mišljenja, rješavanja problema i prilagodljivosti kod učenika.</a:t>
            </a:r>
            <a:endParaRPr b="1" i="0" sz="25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10" name="Google Shape;110;p6"/>
          <p:cNvSpPr/>
          <p:nvPr/>
        </p:nvSpPr>
        <p:spPr>
          <a:xfrm rot="10800000">
            <a:off x="7489052" y="3333200"/>
            <a:ext cx="4390200" cy="32076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11" name="Google Shape;111;p6"/>
          <p:cNvSpPr txBox="1"/>
          <p:nvPr/>
        </p:nvSpPr>
        <p:spPr>
          <a:xfrm>
            <a:off x="7709459" y="3367548"/>
            <a:ext cx="4035900" cy="28782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500"/>
              <a:buFont typeface="Arial"/>
              <a:buNone/>
            </a:pPr>
            <a:r>
              <a:rPr b="1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gažman u digitalnom okruženju može pomoći nastavnicima u kultiviranju potrebnih vještina i doprijeti do odraslih koji nemaju dovoljno dobru pristupačnost obrazovnom sustavu.</a:t>
            </a:r>
            <a:endParaRPr b="0" i="0" sz="25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12" name="Google Shape;112;p6"/>
          <p:cNvSpPr/>
          <p:nvPr/>
        </p:nvSpPr>
        <p:spPr>
          <a:xfrm>
            <a:off x="6959025" y="317200"/>
            <a:ext cx="3625500" cy="2365500"/>
          </a:xfrm>
          <a:prstGeom prst="ellipse">
            <a:avLst/>
          </a:prstGeom>
          <a:solidFill>
            <a:srgbClr val="FFE599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13" name="Google Shape;113;p6"/>
          <p:cNvSpPr txBox="1"/>
          <p:nvPr/>
        </p:nvSpPr>
        <p:spPr>
          <a:xfrm>
            <a:off x="7262975" y="786050"/>
            <a:ext cx="3066300" cy="13251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1" i="0" lang="en-US" sz="18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iše o digitalnim okruženjima (EN): </a:t>
            </a:r>
            <a:r>
              <a:rPr b="1" i="0" lang="en-US" sz="1800" u="sng" cap="none" strike="noStrike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4"/>
              </a:rPr>
              <a:t>https://www.youtube.com/watch?v=-7UI-dTbMr0</a:t>
            </a:r>
            <a:endParaRPr b="1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14" name="Google Shape;114;p6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892" name="Shape 89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93" name="Google Shape;893;p60"/>
          <p:cNvPicPr preferRelativeResize="0"/>
          <p:nvPr/>
        </p:nvPicPr>
        <p:blipFill rotWithShape="1">
          <a:blip r:embed="rId3">
            <a:alphaModFix amt="17000"/>
          </a:blip>
          <a:srcRect b="9140" l="0" r="0" t="0"/>
          <a:stretch/>
        </p:blipFill>
        <p:spPr>
          <a:xfrm>
            <a:off x="0" y="-65762"/>
            <a:ext cx="12192000" cy="6923762"/>
          </a:xfrm>
          <a:prstGeom prst="rect">
            <a:avLst/>
          </a:prstGeom>
          <a:noFill/>
          <a:ln>
            <a:noFill/>
          </a:ln>
        </p:spPr>
      </p:pic>
      <p:sp>
        <p:nvSpPr>
          <p:cNvPr id="894" name="Google Shape;894;p60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95" name="Google Shape;895;p60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96" name="Google Shape;896;p6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97" name="Google Shape;897;p6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98" name="Google Shape;898;p6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899" name="Google Shape;899;p60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00" name="Google Shape;900;p60"/>
          <p:cNvSpPr txBox="1"/>
          <p:nvPr/>
        </p:nvSpPr>
        <p:spPr>
          <a:xfrm>
            <a:off x="442050" y="1509575"/>
            <a:ext cx="4764600" cy="5079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7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7. Skela:</a:t>
            </a:r>
            <a:endParaRPr b="1" i="0" sz="2200" u="none" cap="none" strike="noStrike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01" name="Google Shape;901;p60"/>
          <p:cNvSpPr txBox="1"/>
          <p:nvPr/>
        </p:nvSpPr>
        <p:spPr>
          <a:xfrm>
            <a:off x="3857450" y="4312575"/>
            <a:ext cx="5443800" cy="13023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čnite s jednostavnijim zadacima i postupno povećajte složenost, omogućujući učenicima da postupno razvijaju vještine.</a:t>
            </a:r>
            <a:endParaRPr b="0" i="0" sz="22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902" name="Google Shape;902;p60"/>
          <p:cNvSpPr txBox="1"/>
          <p:nvPr/>
        </p:nvSpPr>
        <p:spPr>
          <a:xfrm>
            <a:off x="4845675" y="2513875"/>
            <a:ext cx="5028600" cy="13023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užanje strukturirane podrške koja se postupno smanjuje kako učenici postaju samopouzdaniji.</a:t>
            </a:r>
            <a:endParaRPr/>
          </a:p>
        </p:txBody>
      </p:sp>
      <p:pic>
        <p:nvPicPr>
          <p:cNvPr id="903" name="Google Shape;903;p6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907" name="Shape 90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08" name="Google Shape;908;p61"/>
          <p:cNvPicPr preferRelativeResize="0"/>
          <p:nvPr/>
        </p:nvPicPr>
        <p:blipFill rotWithShape="1">
          <a:blip r:embed="rId3">
            <a:alphaModFix amt="34000"/>
          </a:blip>
          <a:srcRect b="3234" l="0" r="0" t="12061"/>
          <a:stretch/>
        </p:blipFill>
        <p:spPr>
          <a:xfrm>
            <a:off x="0" y="-15025"/>
            <a:ext cx="12192000" cy="6888075"/>
          </a:xfrm>
          <a:prstGeom prst="rect">
            <a:avLst/>
          </a:prstGeom>
          <a:noFill/>
          <a:ln>
            <a:noFill/>
          </a:ln>
        </p:spPr>
      </p:pic>
      <p:sp>
        <p:nvSpPr>
          <p:cNvPr id="909" name="Google Shape;909;p61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10" name="Google Shape;910;p61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911" name="Google Shape;911;p6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12" name="Google Shape;912;p6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13" name="Google Shape;913;p6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914" name="Google Shape;914;p61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15" name="Google Shape;915;p61"/>
          <p:cNvSpPr txBox="1"/>
          <p:nvPr/>
        </p:nvSpPr>
        <p:spPr>
          <a:xfrm>
            <a:off x="3519300" y="1685625"/>
            <a:ext cx="5153400" cy="4926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600"/>
              <a:buFont typeface="Arial"/>
              <a:buNone/>
            </a:pPr>
            <a:r>
              <a:rPr b="1" i="0" lang="en-US" sz="26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8. Različite procjene:</a:t>
            </a:r>
            <a:endParaRPr b="1" i="0" sz="2200" u="none" cap="none" strike="noStrike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16" name="Google Shape;916;p61"/>
          <p:cNvSpPr txBox="1"/>
          <p:nvPr/>
        </p:nvSpPr>
        <p:spPr>
          <a:xfrm>
            <a:off x="7832800" y="4374625"/>
            <a:ext cx="3730200" cy="19086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mbinirajte kvizove, eseje, prezentacije i projekte kako biste učenicima omogućili da pokažu svoje razumijevanje na različite načine.</a:t>
            </a:r>
            <a:endParaRPr b="0" i="0" sz="20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917" name="Google Shape;917;p61"/>
          <p:cNvSpPr txBox="1"/>
          <p:nvPr/>
        </p:nvSpPr>
        <p:spPr>
          <a:xfrm>
            <a:off x="988650" y="4728625"/>
            <a:ext cx="3818100" cy="12006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nudite različite metode procjene koje pridonose različitim snagama učenja.</a:t>
            </a:r>
            <a:endParaRPr b="0" i="0" sz="20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918" name="Google Shape;918;p61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922" name="Shape 9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23" name="Google Shape;923;p62"/>
          <p:cNvPicPr preferRelativeResize="0"/>
          <p:nvPr/>
        </p:nvPicPr>
        <p:blipFill rotWithShape="1">
          <a:blip r:embed="rId3">
            <a:alphaModFix/>
          </a:blip>
          <a:srcRect b="3646" l="0" r="0" t="8687"/>
          <a:stretch/>
        </p:blipFill>
        <p:spPr>
          <a:xfrm>
            <a:off x="1368975" y="1332625"/>
            <a:ext cx="9454041" cy="5525525"/>
          </a:xfrm>
          <a:prstGeom prst="rect">
            <a:avLst/>
          </a:prstGeom>
          <a:noFill/>
          <a:ln>
            <a:noFill/>
          </a:ln>
        </p:spPr>
      </p:pic>
      <p:sp>
        <p:nvSpPr>
          <p:cNvPr id="924" name="Google Shape;924;p62"/>
          <p:cNvSpPr txBox="1"/>
          <p:nvPr/>
        </p:nvSpPr>
        <p:spPr>
          <a:xfrm>
            <a:off x="1972800" y="55500"/>
            <a:ext cx="8246400" cy="8550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5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5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25" name="Google Shape;925;p62"/>
          <p:cNvGrpSpPr/>
          <p:nvPr/>
        </p:nvGrpSpPr>
        <p:grpSpPr>
          <a:xfrm>
            <a:off x="5470010" y="809114"/>
            <a:ext cx="1251984" cy="358200"/>
            <a:chOff x="5470062" y="1167647"/>
            <a:chExt cx="1251984" cy="358200"/>
          </a:xfrm>
        </p:grpSpPr>
        <p:sp>
          <p:nvSpPr>
            <p:cNvPr id="926" name="Google Shape;926;p6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27" name="Google Shape;927;p6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28" name="Google Shape;928;p6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929" name="Google Shape;929;p62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30" name="Google Shape;930;p62"/>
          <p:cNvSpPr txBox="1"/>
          <p:nvPr/>
        </p:nvSpPr>
        <p:spPr>
          <a:xfrm>
            <a:off x="6938975" y="3864538"/>
            <a:ext cx="4907700" cy="461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b="1" i="0" lang="en-US" sz="24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9. Personalizirane povratne informacije:</a:t>
            </a:r>
            <a:endParaRPr b="1" i="0" sz="2400" u="none" cap="none" strike="noStrike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31" name="Google Shape;931;p62"/>
          <p:cNvSpPr txBox="1"/>
          <p:nvPr/>
        </p:nvSpPr>
        <p:spPr>
          <a:xfrm>
            <a:off x="2063275" y="1717175"/>
            <a:ext cx="3956400" cy="15546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</a:t>
            </a:r>
            <a:r>
              <a:rPr b="0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staknite njihova postignuća, suočite se s izazovima i predložite strategije za poboljšanje.</a:t>
            </a:r>
            <a:endParaRPr b="0" i="0" sz="20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932" name="Google Shape;932;p62"/>
          <p:cNvSpPr txBox="1"/>
          <p:nvPr/>
        </p:nvSpPr>
        <p:spPr>
          <a:xfrm>
            <a:off x="6791925" y="1846075"/>
            <a:ext cx="3757500" cy="15546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užanje individualiziranih povratnih informacija koje se odnose na specifične prednosti učenika i područja za rast.</a:t>
            </a:r>
            <a:endParaRPr b="0" i="0" sz="20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933" name="Google Shape;933;p62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937" name="Shape 9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38" name="Google Shape;938;p63"/>
          <p:cNvPicPr preferRelativeResize="0"/>
          <p:nvPr/>
        </p:nvPicPr>
        <p:blipFill rotWithShape="1">
          <a:blip r:embed="rId3">
            <a:alphaModFix/>
          </a:blip>
          <a:srcRect b="0" l="0" r="0" t="44264"/>
          <a:stretch/>
        </p:blipFill>
        <p:spPr>
          <a:xfrm>
            <a:off x="3398350" y="3836200"/>
            <a:ext cx="8141300" cy="3021800"/>
          </a:xfrm>
          <a:prstGeom prst="rect">
            <a:avLst/>
          </a:prstGeom>
          <a:noFill/>
          <a:ln>
            <a:noFill/>
          </a:ln>
        </p:spPr>
      </p:pic>
      <p:sp>
        <p:nvSpPr>
          <p:cNvPr id="939" name="Google Shape;939;p63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40" name="Google Shape;940;p63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941" name="Google Shape;941;p6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42" name="Google Shape;942;p6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43" name="Google Shape;943;p6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944" name="Google Shape;944;p63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45" name="Google Shape;945;p63"/>
          <p:cNvSpPr txBox="1"/>
          <p:nvPr/>
        </p:nvSpPr>
        <p:spPr>
          <a:xfrm>
            <a:off x="1084925" y="1629850"/>
            <a:ext cx="7826100" cy="2515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500"/>
              <a:buFont typeface="Arial"/>
              <a:buNone/>
            </a:pPr>
            <a: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10. Aktivnosti usmjerene na učenika:</a:t>
            </a:r>
            <a:b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1" i="0" sz="500" u="none" cap="none" strike="noStrike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smisliti aktivnosti na temelju interesa učenika, potičući motivaciju i angažman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</a:t>
            </a:r>
            <a:r>
              <a:rPr b="0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ključite teme i scenarije koji rezoniraju sa strastima učenika i stvarnim kontekstima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46" name="Google Shape;946;p6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950" name="Shape 9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51" name="Google Shape;951;p64"/>
          <p:cNvPicPr preferRelativeResize="0"/>
          <p:nvPr/>
        </p:nvPicPr>
        <p:blipFill rotWithShape="1">
          <a:blip r:embed="rId3">
            <a:alphaModFix amt="24000"/>
          </a:blip>
          <a:srcRect b="0" l="0" r="0" t="0"/>
          <a:stretch/>
        </p:blipFill>
        <p:spPr>
          <a:xfrm>
            <a:off x="-44025" y="0"/>
            <a:ext cx="12192000" cy="6857999"/>
          </a:xfrm>
          <a:prstGeom prst="rect">
            <a:avLst/>
          </a:prstGeom>
          <a:noFill/>
          <a:ln>
            <a:noFill/>
          </a:ln>
        </p:spPr>
      </p:pic>
      <p:sp>
        <p:nvSpPr>
          <p:cNvPr id="952" name="Google Shape;952;p64"/>
          <p:cNvSpPr txBox="1"/>
          <p:nvPr/>
        </p:nvSpPr>
        <p:spPr>
          <a:xfrm>
            <a:off x="1972800" y="73963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e i prilagodba personalizacije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53" name="Google Shape;953;p64"/>
          <p:cNvGrpSpPr/>
          <p:nvPr/>
        </p:nvGrpSpPr>
        <p:grpSpPr>
          <a:xfrm>
            <a:off x="5425985" y="961514"/>
            <a:ext cx="1251984" cy="358200"/>
            <a:chOff x="5470062" y="1167647"/>
            <a:chExt cx="1251984" cy="358200"/>
          </a:xfrm>
        </p:grpSpPr>
        <p:sp>
          <p:nvSpPr>
            <p:cNvPr id="954" name="Google Shape;954;p6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55" name="Google Shape;955;p6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56" name="Google Shape;956;p6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957" name="Google Shape;957;p64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58" name="Google Shape;958;p64"/>
          <p:cNvSpPr txBox="1"/>
          <p:nvPr/>
        </p:nvSpPr>
        <p:spPr>
          <a:xfrm>
            <a:off x="1488000" y="2279875"/>
            <a:ext cx="9216000" cy="29421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500"/>
              <a:buFont typeface="Arial"/>
              <a:buNone/>
            </a:pPr>
            <a: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11. Relevantnost u stvarnom svijetu:</a:t>
            </a:r>
            <a:br>
              <a:rPr b="1" i="0" lang="en-US" sz="2500" u="none" cap="none" strike="noStrike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1" i="0" sz="2000" u="none" cap="none" strike="noStrike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0" lang="en-US" sz="22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b="1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kažite učenicima kako je sadržaj primjenjiv u stvarnim situacijama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200"/>
              <a:buFont typeface="Arial"/>
              <a:buNone/>
            </a:pPr>
            <a:r>
              <a:rPr b="1" i="1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hnike:</a:t>
            </a:r>
            <a:r>
              <a:rPr b="0" i="0" lang="en-US" sz="2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dijelite studije slučaja, primjere i priče o uspjehu koje pokazuju praktičnu vrijednost koncepata koji se podučavaju.</a:t>
            </a:r>
            <a:endParaRPr b="0" i="0" sz="2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t/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59" name="Google Shape;959;p6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963" name="Shape 96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4" name="Google Shape;964;p65"/>
          <p:cNvSpPr txBox="1"/>
          <p:nvPr/>
        </p:nvSpPr>
        <p:spPr>
          <a:xfrm>
            <a:off x="1677300" y="77425"/>
            <a:ext cx="88374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ktivnost suradnje:</a:t>
            </a:r>
            <a:b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ijeljenje i usavršavanje individualiziranih planova angažmana (I)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65" name="Google Shape;965;p65"/>
          <p:cNvGrpSpPr/>
          <p:nvPr/>
        </p:nvGrpSpPr>
        <p:grpSpPr>
          <a:xfrm>
            <a:off x="5470010" y="1113914"/>
            <a:ext cx="1251984" cy="358200"/>
            <a:chOff x="5470062" y="1167647"/>
            <a:chExt cx="1251984" cy="358200"/>
          </a:xfrm>
        </p:grpSpPr>
        <p:sp>
          <p:nvSpPr>
            <p:cNvPr id="966" name="Google Shape;966;p6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67" name="Google Shape;967;p6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68" name="Google Shape;968;p6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969" name="Google Shape;969;p65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70" name="Google Shape;970;p65"/>
          <p:cNvSpPr txBox="1"/>
          <p:nvPr/>
        </p:nvSpPr>
        <p:spPr>
          <a:xfrm>
            <a:off x="693600" y="1846075"/>
            <a:ext cx="10804800" cy="3809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sng" cap="none" strike="noStrike">
                <a:solidFill>
                  <a:schemeClr val="dk1"/>
                </a:solidFill>
                <a:highlight>
                  <a:srgbClr val="FFE77E"/>
                </a:highlight>
                <a:latin typeface="Philosopher"/>
                <a:ea typeface="Philosopher"/>
                <a:cs typeface="Philosopher"/>
                <a:sym typeface="Philosopher"/>
              </a:rPr>
              <a:t>Svrha aktivnosti</a:t>
            </a:r>
            <a:r>
              <a:rPr b="1" i="0" lang="en-US" sz="2000" u="none" cap="none" strike="noStrike">
                <a:solidFill>
                  <a:schemeClr val="dk1"/>
                </a:solidFill>
                <a:highlight>
                  <a:srgbClr val="FFE77E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 kolektivno poboljšanje planova angažmana kroz vršnjačke uvide i suradnju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AutoNum type="arabicPeriod"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dijelite sudionike 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 male grupe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(3-4 osobe). Osigurati raznolikost u smislu nastavnih konteksta, predmeta i iskustava;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AutoNum type="arabicPeriod"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vakoj grupi dodijelite određenu temu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ili temu za koju će dijeliti i precizirati planove angažmana;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15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AutoNum type="arabicPeriod"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nutar svojih malih grupa, 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dionici se izmjenjuju dijeleći svoje individualizirane planove angažmana za dodijeljenu temu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Mogu pružiti pregled svojih strategija i metoda. (</a:t>
            </a: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pomena: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vaki sudionik trebao bi imati oko 2 minute da predstavi svoj plan.)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71" name="Google Shape;971;p65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975" name="Shape 9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6" name="Google Shape;976;p66"/>
          <p:cNvSpPr/>
          <p:nvPr/>
        </p:nvSpPr>
        <p:spPr>
          <a:xfrm>
            <a:off x="0" y="3294050"/>
            <a:ext cx="12192000" cy="27249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977" name="Google Shape;977;p66"/>
          <p:cNvSpPr txBox="1"/>
          <p:nvPr/>
        </p:nvSpPr>
        <p:spPr>
          <a:xfrm>
            <a:off x="1470450" y="73963"/>
            <a:ext cx="92511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ajednička aktivnost:</a:t>
            </a:r>
            <a:b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ijeljenje i usavršavanje individualiziranih planova angažmana (II)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78" name="Google Shape;978;p66"/>
          <p:cNvGrpSpPr/>
          <p:nvPr/>
        </p:nvGrpSpPr>
        <p:grpSpPr>
          <a:xfrm>
            <a:off x="5470010" y="1113914"/>
            <a:ext cx="1251984" cy="358200"/>
            <a:chOff x="5470062" y="1167647"/>
            <a:chExt cx="1251984" cy="358200"/>
          </a:xfrm>
        </p:grpSpPr>
        <p:sp>
          <p:nvSpPr>
            <p:cNvPr id="979" name="Google Shape;979;p6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80" name="Google Shape;980;p6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81" name="Google Shape;981;p6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982" name="Google Shape;982;p66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83" name="Google Shape;983;p66"/>
          <p:cNvSpPr txBox="1"/>
          <p:nvPr/>
        </p:nvSpPr>
        <p:spPr>
          <a:xfrm>
            <a:off x="693600" y="1780050"/>
            <a:ext cx="10804800" cy="4765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45720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.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kon što svaki sudionik predstavi svoj plan, 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upa se uključuje u raspravu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Ostali članovi grupe nude konstruktivne povratne informacije, prijedloge i uvide kako bi poboljšali predstavljene strategije angažmana.</a:t>
            </a:r>
            <a:b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0" i="0" sz="1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45720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smjeravajuća pitanja</a:t>
            </a:r>
            <a:endParaRPr b="1" i="1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04800" lvl="1" marL="91440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ji elementi plana angažmana rezoniraju s vašim nastavnim kontekstom?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04800" lvl="1" marL="9144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ko se određene tehnike personalizacije mogu integrirati kako bi se bolje odgovorilo na različite potrebe učenika?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04800" lvl="1" marL="9144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stoje li inovativni pristupi koji bi se mogli primijeniti na poboljšanje angažmana?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04800" lvl="1" marL="9144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ji bi se izazovi mogli pojaviti prilikom provedbe tih strategija i kako ih se može ublažiti?</a:t>
            </a:r>
            <a:endParaRPr b="0" i="0" sz="1200" u="none" cap="none" strike="noStrike">
              <a:solidFill>
                <a:srgbClr val="37415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t/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84" name="Google Shape;984;p66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988" name="Shape 9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9" name="Google Shape;989;p67"/>
          <p:cNvSpPr txBox="1"/>
          <p:nvPr/>
        </p:nvSpPr>
        <p:spPr>
          <a:xfrm>
            <a:off x="1343850" y="73963"/>
            <a:ext cx="9504300" cy="1070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ktivnost suradnje:</a:t>
            </a:r>
            <a:b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1" i="0" lang="en-US" sz="27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ijeljenje i usavršavanje individualiziranih planova angažmana (III)</a:t>
            </a:r>
            <a:endParaRPr b="1" i="0" sz="27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90" name="Google Shape;990;p67"/>
          <p:cNvGrpSpPr/>
          <p:nvPr/>
        </p:nvGrpSpPr>
        <p:grpSpPr>
          <a:xfrm>
            <a:off x="5470010" y="1113914"/>
            <a:ext cx="1251984" cy="358200"/>
            <a:chOff x="5470062" y="1167647"/>
            <a:chExt cx="1251984" cy="358200"/>
          </a:xfrm>
        </p:grpSpPr>
        <p:sp>
          <p:nvSpPr>
            <p:cNvPr id="991" name="Google Shape;991;p6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92" name="Google Shape;992;p6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93" name="Google Shape;993;p6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994" name="Google Shape;994;p67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95" name="Google Shape;995;p67"/>
          <p:cNvSpPr txBox="1"/>
          <p:nvPr/>
        </p:nvSpPr>
        <p:spPr>
          <a:xfrm>
            <a:off x="1188150" y="1765375"/>
            <a:ext cx="9815700" cy="39711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45720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.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kon primitka povratnih informacija, sudionici odvajaju nekoliko minuta za 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eviziju i usavršavanje svojih planova angažmana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na temelju uvida stečenih u grupnu raspravu. (</a:t>
            </a:r>
            <a:r>
              <a:rPr b="1" i="1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pomena: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Naglasite da sudionici mogu prilagoditi povratne informacije kako bi odgovarale njihovom stilu poučavanja i karakteristikama učenika.)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45720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.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dionici se ponovno sastaju kao cijela grupa. 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vaka mala skupina odabire jedan plan angažmana koji je usavršen na temelju primljenih povratnih informacija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Jedan predstavnik iz svake skupine nakratko ima</a:t>
            </a:r>
            <a:r>
              <a:rPr b="1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revidirani plan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s cijelom publikom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1" i="0" lang="en-US" sz="2000" u="sng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azmišljanje: </a:t>
            </a: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kon svake prezentacije potaknite razmišljanja o procesu suradnje i vrijednosti povratnih informacija kolega.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96" name="Google Shape;996;p67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000" name="Shape 100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A picture containing yellow  Description automatically generated" id="1001" name="Google Shape;1001;p68"/>
          <p:cNvPicPr preferRelativeResize="0"/>
          <p:nvPr>
            <p:ph idx="2" type="pic"/>
          </p:nvPr>
        </p:nvPicPr>
        <p:blipFill rotWithShape="1">
          <a:blip r:embed="rId3">
            <a:alphaModFix/>
          </a:blip>
          <a:srcRect b="0" l="28722" r="28722" t="0"/>
          <a:stretch/>
        </p:blipFill>
        <p:spPr>
          <a:xfrm>
            <a:off x="627063" y="0"/>
            <a:ext cx="2917825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1002" name="Google Shape;1002;p68"/>
          <p:cNvSpPr txBox="1"/>
          <p:nvPr/>
        </p:nvSpPr>
        <p:spPr>
          <a:xfrm>
            <a:off x="6216246" y="701602"/>
            <a:ext cx="3044700" cy="3672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4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ČPP (FAQ)</a:t>
            </a:r>
            <a:endParaRPr b="1" i="0" sz="4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003" name="Google Shape;1003;p68"/>
          <p:cNvGrpSpPr/>
          <p:nvPr/>
        </p:nvGrpSpPr>
        <p:grpSpPr>
          <a:xfrm>
            <a:off x="7112674" y="1329442"/>
            <a:ext cx="1251876" cy="358096"/>
            <a:chOff x="5470062" y="1167647"/>
            <a:chExt cx="1251876" cy="358096"/>
          </a:xfrm>
        </p:grpSpPr>
        <p:sp>
          <p:nvSpPr>
            <p:cNvPr id="1004" name="Google Shape;1004;p6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05" name="Google Shape;1005;p6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06" name="Google Shape;1006;p6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1007" name="Google Shape;1007;p68"/>
          <p:cNvSpPr txBox="1"/>
          <p:nvPr/>
        </p:nvSpPr>
        <p:spPr>
          <a:xfrm>
            <a:off x="5272999" y="5457537"/>
            <a:ext cx="6551671" cy="809668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</a:pPr>
            <a:r>
              <a:t/>
            </a:r>
            <a:endParaRPr b="0"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descr="A picture containing icon  Description automatically generated" id="1008" name="Google Shape;1008;p68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009" name="Google Shape;1009;p68"/>
          <p:cNvSpPr txBox="1"/>
          <p:nvPr/>
        </p:nvSpPr>
        <p:spPr>
          <a:xfrm>
            <a:off x="3644537" y="2024744"/>
            <a:ext cx="8188234" cy="3247988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b="0" i="0" lang="en-US" sz="3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mate li </a:t>
            </a:r>
            <a:r>
              <a:rPr b="1" i="0" lang="en-US" sz="3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ilo kakvih pitanja </a:t>
            </a:r>
            <a:r>
              <a:rPr b="0" i="0" lang="en-US" sz="3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zanih uz sadržaj radionice? Slobodno ih pitajte sada!</a:t>
            </a:r>
            <a:endParaRPr b="0" i="0" sz="3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010" name="Google Shape;1010;p6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10285825" y="62672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014" name="Shape 10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5" name="Google Shape;1015;p69"/>
          <p:cNvSpPr txBox="1"/>
          <p:nvPr/>
        </p:nvSpPr>
        <p:spPr>
          <a:xfrm>
            <a:off x="4573596" y="688927"/>
            <a:ext cx="3044807" cy="36718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4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valuacija i zaključak</a:t>
            </a:r>
            <a:endParaRPr b="1" i="0" sz="4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016" name="Google Shape;1016;p69"/>
          <p:cNvGrpSpPr/>
          <p:nvPr/>
        </p:nvGrpSpPr>
        <p:grpSpPr>
          <a:xfrm>
            <a:off x="5470061" y="1709272"/>
            <a:ext cx="1251876" cy="358096"/>
            <a:chOff x="5470062" y="1167647"/>
            <a:chExt cx="1251876" cy="358096"/>
          </a:xfrm>
        </p:grpSpPr>
        <p:sp>
          <p:nvSpPr>
            <p:cNvPr id="1017" name="Google Shape;1017;p69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18" name="Google Shape;1018;p69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19" name="Google Shape;1019;p69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1020" name="Google Shape;1020;p69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021" name="Google Shape;1021;p69"/>
          <p:cNvSpPr txBox="1"/>
          <p:nvPr/>
        </p:nvSpPr>
        <p:spPr>
          <a:xfrm>
            <a:off x="1287236" y="2229898"/>
            <a:ext cx="10395857" cy="3065109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b="0" i="0" lang="en-US" sz="3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Što ste danas naučili? Kako ćete u budućnosti moći koristiti svoja nova znanja i vještine?</a:t>
            </a:r>
            <a:endParaRPr/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t/>
            </a:r>
            <a:endParaRPr b="0" i="0" sz="3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b="0" i="0" lang="en-US" sz="3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limo, ispunite</a:t>
            </a:r>
            <a:r>
              <a:rPr b="1" i="0" lang="en-US" sz="3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evaluacijsku anketu</a:t>
            </a:r>
            <a:r>
              <a:rPr b="0" i="0" lang="en-US" sz="32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!</a:t>
            </a:r>
            <a:endParaRPr b="0" i="0" sz="32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022" name="Google Shape;1022;p69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18" name="Shape 11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9" name="Google Shape;119;p7"/>
          <p:cNvPicPr preferRelativeResize="0"/>
          <p:nvPr/>
        </p:nvPicPr>
        <p:blipFill rotWithShape="1">
          <a:blip r:embed="rId3">
            <a:alphaModFix amt="16000"/>
          </a:blip>
          <a:srcRect b="0" l="0" r="0" t="0"/>
          <a:stretch/>
        </p:blipFill>
        <p:spPr>
          <a:xfrm>
            <a:off x="-21400" y="0"/>
            <a:ext cx="122134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120" name="Google Shape;120;p7"/>
          <p:cNvSpPr txBox="1"/>
          <p:nvPr/>
        </p:nvSpPr>
        <p:spPr>
          <a:xfrm>
            <a:off x="4462084" y="591032"/>
            <a:ext cx="3734400" cy="1959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Ledolomac – </a:t>
            </a:r>
            <a:b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"Dvije istine i laž"</a:t>
            </a:r>
            <a:endParaRPr b="1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21" name="Google Shape;121;p7"/>
          <p:cNvGrpSpPr/>
          <p:nvPr/>
        </p:nvGrpSpPr>
        <p:grpSpPr>
          <a:xfrm>
            <a:off x="5703337" y="1246897"/>
            <a:ext cx="1251876" cy="358096"/>
            <a:chOff x="5470062" y="1167647"/>
            <a:chExt cx="1251876" cy="358096"/>
          </a:xfrm>
        </p:grpSpPr>
        <p:sp>
          <p:nvSpPr>
            <p:cNvPr id="122" name="Google Shape;122;p7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23" name="Google Shape;123;p7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24" name="Google Shape;124;p7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125" name="Google Shape;125;p7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26" name="Google Shape;126;p7"/>
          <p:cNvSpPr txBox="1"/>
          <p:nvPr/>
        </p:nvSpPr>
        <p:spPr>
          <a:xfrm>
            <a:off x="1462075" y="2065075"/>
            <a:ext cx="9734400" cy="33717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457200" marR="0" rtl="0" algn="just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t/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42900" lvl="0" marL="342900" marR="0" rtl="0" algn="just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Philosopher"/>
              <a:buAutoNum type="arabicPeriod"/>
            </a:pPr>
            <a:r>
              <a:rPr b="0" i="0" lang="en-US" sz="21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putite svakog sudionika da smisli dvije istinite izjave i jednu lažnu izjavu o sebi povezanu s digitalnom tehnologijom ili online učenjem.</a:t>
            </a:r>
            <a:endParaRPr b="0" i="0" sz="2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457200" marR="0" rtl="0" algn="just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t/>
            </a:r>
            <a:endParaRPr b="0" i="0" sz="2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42900" lvl="0" marL="342900" marR="0" rtl="0" algn="just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Philosopher"/>
              <a:buAutoNum type="arabicPeriod"/>
            </a:pPr>
            <a:r>
              <a:rPr b="0" i="0" lang="en-US" sz="21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dionici se izmjenjuju dijeleći svoje izjave, a ostatak grupe pogađa koja je izjava laž.</a:t>
            </a:r>
            <a:endParaRPr b="0" i="0" sz="2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0" lvl="0" marL="457200" marR="0" rtl="0" algn="just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t/>
            </a:r>
            <a:endParaRPr b="0" i="0" sz="2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42900" lvl="0" marL="342900" marR="0" rtl="0" algn="just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Philosopher"/>
              <a:buAutoNum type="arabicPeriod"/>
            </a:pPr>
            <a:r>
              <a:rPr b="0" i="0" lang="en-US" sz="21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va aktivnost potiče angažman, upoznaje sudionike i dodaje element zabave.</a:t>
            </a:r>
            <a:endParaRPr b="0" i="0" sz="21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27" name="Google Shape;127;p7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026" name="Shape 10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A person sitting at a desk with a computer and papers on it  Description automatically generated with low confidence" id="1027" name="Google Shape;1027;p7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0" y="-1"/>
            <a:ext cx="12192000" cy="6858001"/>
          </a:xfrm>
          <a:prstGeom prst="rect">
            <a:avLst/>
          </a:prstGeom>
          <a:noFill/>
          <a:ln>
            <a:noFill/>
          </a:ln>
        </p:spPr>
      </p:pic>
      <p:sp>
        <p:nvSpPr>
          <p:cNvPr id="1028" name="Google Shape;1028;p70"/>
          <p:cNvSpPr/>
          <p:nvPr/>
        </p:nvSpPr>
        <p:spPr>
          <a:xfrm>
            <a:off x="-264695" y="-270712"/>
            <a:ext cx="12721389" cy="7399421"/>
          </a:xfrm>
          <a:prstGeom prst="rect">
            <a:avLst/>
          </a:prstGeom>
          <a:gradFill>
            <a:gsLst>
              <a:gs pos="0">
                <a:srgbClr val="FFE77E">
                  <a:alpha val="0"/>
                </a:srgbClr>
              </a:gs>
              <a:gs pos="100000">
                <a:srgbClr val="FFEDB1"/>
              </a:gs>
            </a:gsLst>
            <a:path path="circle">
              <a:fillToRect b="50%" l="50%" r="50%" t="50%"/>
            </a:path>
            <a:tileRect/>
          </a:gradFill>
          <a:ln cap="flat" cmpd="sng" w="25400">
            <a:solidFill>
              <a:srgbClr val="FFE68F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chemeClr val="lt1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029" name="Google Shape;1029;p70"/>
          <p:cNvSpPr txBox="1"/>
          <p:nvPr/>
        </p:nvSpPr>
        <p:spPr>
          <a:xfrm>
            <a:off x="3839189" y="2051289"/>
            <a:ext cx="7014257" cy="1107996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6600"/>
              <a:buFont typeface="Arial"/>
              <a:buNone/>
            </a:pPr>
            <a:r>
              <a:rPr b="0" i="0" lang="en-US" sz="66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HVALA!</a:t>
            </a:r>
            <a:endParaRPr b="0" i="0" sz="66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descr="A picture containing logo  Description automatically generated" id="1030" name="Google Shape;1030;p70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853446" y="74429"/>
            <a:ext cx="1338553" cy="946297"/>
          </a:xfrm>
          <a:prstGeom prst="rect">
            <a:avLst/>
          </a:prstGeom>
          <a:noFill/>
          <a:ln>
            <a:noFill/>
          </a:ln>
        </p:spPr>
      </p:pic>
      <p:pic>
        <p:nvPicPr>
          <p:cNvPr id="1031" name="Google Shape;1031;p7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035" name="Shape 10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6" name="Google Shape;1036;p71"/>
          <p:cNvSpPr/>
          <p:nvPr/>
        </p:nvSpPr>
        <p:spPr>
          <a:xfrm>
            <a:off x="0" y="6314701"/>
            <a:ext cx="12192000" cy="543299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descr="A picture containing icon  Description automatically generated" id="1037" name="Google Shape;1037;p71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2946834" y="-349757"/>
            <a:ext cx="6572448" cy="46464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Logo, company name  Description automatically generated" id="1038" name="Google Shape;1038;p71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6708435" y="3659445"/>
            <a:ext cx="1557761" cy="1090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Logo, company name  Description automatically generated" id="1039" name="Google Shape;1039;p71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1513633" y="3274140"/>
            <a:ext cx="2010195" cy="201019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Logo  Description automatically generated" id="1040" name="Google Shape;1040;p71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1611909" y="5229626"/>
            <a:ext cx="1605199" cy="80006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A picture containing company name  Description automatically generated" id="1041" name="Google Shape;1041;p71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9519282" y="3754416"/>
            <a:ext cx="888691" cy="9635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Logo  Description automatically generated with medium confidence" id="1042" name="Google Shape;1042;p71"/>
          <p:cNvPicPr preferRelativeResize="0"/>
          <p:nvPr/>
        </p:nvPicPr>
        <p:blipFill rotWithShape="1">
          <a:blip r:embed="rId8">
            <a:alphaModFix/>
          </a:blip>
          <a:srcRect b="0" l="0" r="0" t="0"/>
          <a:stretch/>
        </p:blipFill>
        <p:spPr>
          <a:xfrm>
            <a:off x="4048977" y="5091014"/>
            <a:ext cx="1628935" cy="114268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Logo  Description automatically generated" id="1043" name="Google Shape;1043;p71"/>
          <p:cNvPicPr preferRelativeResize="0"/>
          <p:nvPr/>
        </p:nvPicPr>
        <p:blipFill rotWithShape="1">
          <a:blip r:embed="rId9">
            <a:alphaModFix/>
          </a:blip>
          <a:srcRect b="0" l="0" r="0" t="0"/>
          <a:stretch/>
        </p:blipFill>
        <p:spPr>
          <a:xfrm>
            <a:off x="4237279" y="4054164"/>
            <a:ext cx="1440633" cy="48501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Logo, company name  Description automatically generated" id="1044" name="Google Shape;1044;p71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9480271" y="5411983"/>
            <a:ext cx="1630941" cy="604941"/>
          </a:xfrm>
          <a:prstGeom prst="rect">
            <a:avLst/>
          </a:prstGeom>
          <a:noFill/>
          <a:ln>
            <a:noFill/>
          </a:ln>
        </p:spPr>
      </p:pic>
      <p:sp>
        <p:nvSpPr>
          <p:cNvPr id="1045" name="Google Shape;1045;p71"/>
          <p:cNvSpPr txBox="1"/>
          <p:nvPr/>
        </p:nvSpPr>
        <p:spPr>
          <a:xfrm>
            <a:off x="5886652" y="6392007"/>
            <a:ext cx="5350500" cy="4926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800"/>
              <a:buFont typeface="Arial"/>
              <a:buNone/>
            </a:pPr>
            <a:r>
              <a:rPr lang="en-US" sz="600">
                <a:solidFill>
                  <a:srgbClr val="404040"/>
                </a:solidFill>
              </a:rPr>
              <a:t>Financira Europska unija. Izraženi stavovi i mišljenja su, međutim, samo autorovi i ne odražavaju nužno stavove Europske unije ili nacionalne agencije. Za njih se ne mogu smatrati odgovornima niti Europska unija niti Nacionalna agencija.  </a:t>
            </a:r>
            <a:endParaRPr sz="600">
              <a:solidFill>
                <a:srgbClr val="404040"/>
              </a:solidFill>
            </a:endParaRPr>
          </a:p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800"/>
              <a:buFont typeface="Arial"/>
              <a:buNone/>
            </a:pPr>
            <a:r>
              <a:rPr lang="en-US" sz="600">
                <a:solidFill>
                  <a:srgbClr val="404040"/>
                </a:solidFill>
              </a:rPr>
              <a:t>Broj projekta: 2022-1-LT01-KA220-ADU-000085898</a:t>
            </a:r>
            <a:endParaRPr sz="600">
              <a:solidFill>
                <a:srgbClr val="404040"/>
              </a:solidFill>
            </a:endParaRPr>
          </a:p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800"/>
              <a:buFont typeface="Arial"/>
              <a:buNone/>
            </a:pPr>
            <a:r>
              <a:t/>
            </a:r>
            <a:endParaRPr b="0" baseline="30000" i="0" sz="800" u="none" cap="none" strike="noStrike">
              <a:solidFill>
                <a:srgbClr val="000000"/>
              </a:solidFill>
              <a:latin typeface="Noto Sans"/>
              <a:ea typeface="Noto Sans"/>
              <a:cs typeface="Noto Sans"/>
              <a:sym typeface="Noto Sans"/>
            </a:endParaRPr>
          </a:p>
        </p:txBody>
      </p:sp>
      <p:pic>
        <p:nvPicPr>
          <p:cNvPr descr="Logo  Description automatically generated" id="1046" name="Google Shape;1046;p71"/>
          <p:cNvPicPr preferRelativeResize="0"/>
          <p:nvPr/>
        </p:nvPicPr>
        <p:blipFill rotWithShape="1">
          <a:blip r:embed="rId11">
            <a:alphaModFix/>
          </a:blip>
          <a:srcRect b="0" l="0" r="0" t="0"/>
          <a:stretch/>
        </p:blipFill>
        <p:spPr>
          <a:xfrm>
            <a:off x="7019467" y="5121884"/>
            <a:ext cx="1231930" cy="822872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7" name="Google Shape;1047;p71"/>
          <p:cNvPicPr preferRelativeResize="0"/>
          <p:nvPr/>
        </p:nvPicPr>
        <p:blipFill>
          <a:blip r:embed="rId12">
            <a:alphaModFix/>
          </a:blip>
          <a:stretch>
            <a:fillRect/>
          </a:stretch>
        </p:blipFill>
        <p:spPr>
          <a:xfrm>
            <a:off x="296325" y="63637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31" name="Shape 1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2" name="Google Shape;132;p8"/>
          <p:cNvSpPr/>
          <p:nvPr/>
        </p:nvSpPr>
        <p:spPr>
          <a:xfrm>
            <a:off x="0" y="3500700"/>
            <a:ext cx="12192000" cy="33489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33" name="Google Shape;133;p8"/>
          <p:cNvSpPr txBox="1"/>
          <p:nvPr/>
        </p:nvSpPr>
        <p:spPr>
          <a:xfrm>
            <a:off x="4119600" y="317175"/>
            <a:ext cx="3952800" cy="798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24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Značaj angažmana u digitalnom učenju</a:t>
            </a:r>
            <a:endParaRPr b="1" i="0" sz="24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34" name="Google Shape;134;p8"/>
          <p:cNvGrpSpPr/>
          <p:nvPr/>
        </p:nvGrpSpPr>
        <p:grpSpPr>
          <a:xfrm>
            <a:off x="5470012" y="1298897"/>
            <a:ext cx="1251984" cy="358200"/>
            <a:chOff x="5470062" y="1167647"/>
            <a:chExt cx="1251984" cy="358200"/>
          </a:xfrm>
        </p:grpSpPr>
        <p:sp>
          <p:nvSpPr>
            <p:cNvPr id="135" name="Google Shape;135;p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36" name="Google Shape;136;p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37" name="Google Shape;137;p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138" name="Google Shape;138;p8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39" name="Google Shape;139;p8"/>
          <p:cNvSpPr txBox="1"/>
          <p:nvPr/>
        </p:nvSpPr>
        <p:spPr>
          <a:xfrm>
            <a:off x="645325" y="1999450"/>
            <a:ext cx="11003400" cy="1108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igitalno učenje moćan je alat koji može osnažiti teško dostupne odrasle učenike da prevladaju izazove, izgrade vještine i ostvare svoj puni potencijal. Služi kao most između njihovih jedinstvenih okolnosti i transformativnih mogućnosti koje obrazovanje može pružiti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0" name="Google Shape;140;p8"/>
          <p:cNvSpPr/>
          <p:nvPr/>
        </p:nvSpPr>
        <p:spPr>
          <a:xfrm>
            <a:off x="458125" y="3892400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l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41" name="Google Shape;141;p8"/>
          <p:cNvSpPr/>
          <p:nvPr/>
        </p:nvSpPr>
        <p:spPr>
          <a:xfrm>
            <a:off x="4411050" y="5509900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l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42" name="Google Shape;142;p8"/>
          <p:cNvSpPr/>
          <p:nvPr/>
        </p:nvSpPr>
        <p:spPr>
          <a:xfrm>
            <a:off x="4411050" y="3892400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l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43" name="Google Shape;143;p8"/>
          <p:cNvSpPr/>
          <p:nvPr/>
        </p:nvSpPr>
        <p:spPr>
          <a:xfrm>
            <a:off x="8363425" y="3892400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l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4" name="Google Shape;144;p8"/>
          <p:cNvSpPr/>
          <p:nvPr/>
        </p:nvSpPr>
        <p:spPr>
          <a:xfrm>
            <a:off x="458125" y="4701150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l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45" name="Google Shape;145;p8"/>
          <p:cNvSpPr/>
          <p:nvPr/>
        </p:nvSpPr>
        <p:spPr>
          <a:xfrm>
            <a:off x="458125" y="5509900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l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46" name="Google Shape;146;p8"/>
          <p:cNvSpPr/>
          <p:nvPr/>
        </p:nvSpPr>
        <p:spPr>
          <a:xfrm>
            <a:off x="8363425" y="4701150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l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7" name="Google Shape;147;p8"/>
          <p:cNvSpPr/>
          <p:nvPr/>
        </p:nvSpPr>
        <p:spPr>
          <a:xfrm>
            <a:off x="4411050" y="4701150"/>
            <a:ext cx="251400" cy="186000"/>
          </a:xfrm>
          <a:prstGeom prst="rightArrow">
            <a:avLst>
              <a:gd fmla="val 50000" name="adj1"/>
              <a:gd fmla="val 50000" name="adj2"/>
            </a:avLst>
          </a:prstGeom>
          <a:solidFill>
            <a:schemeClr val="lt1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48" name="Google Shape;148;p8"/>
          <p:cNvSpPr txBox="1"/>
          <p:nvPr/>
        </p:nvSpPr>
        <p:spPr>
          <a:xfrm>
            <a:off x="750313" y="3800750"/>
            <a:ext cx="32211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tivacija i upornost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9" name="Google Shape;149;p8"/>
          <p:cNvSpPr txBox="1"/>
          <p:nvPr/>
        </p:nvSpPr>
        <p:spPr>
          <a:xfrm>
            <a:off x="709526" y="4609500"/>
            <a:ext cx="35724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elevantnost i personalizacija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0" name="Google Shape;150;p8"/>
          <p:cNvSpPr txBox="1"/>
          <p:nvPr/>
        </p:nvSpPr>
        <p:spPr>
          <a:xfrm>
            <a:off x="709527" y="5418250"/>
            <a:ext cx="3776700" cy="754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jegovanje zajednice koja uči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1" name="Google Shape;151;p8"/>
          <p:cNvSpPr txBox="1"/>
          <p:nvPr/>
        </p:nvSpPr>
        <p:spPr>
          <a:xfrm>
            <a:off x="4662451" y="3800750"/>
            <a:ext cx="3572400" cy="754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azvoj i primjena vještina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2" name="Google Shape;152;p8"/>
          <p:cNvSpPr txBox="1"/>
          <p:nvPr/>
        </p:nvSpPr>
        <p:spPr>
          <a:xfrm>
            <a:off x="4662451" y="4609500"/>
            <a:ext cx="35724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Fleksibilnost i pristupačnost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3" name="Google Shape;153;p8"/>
          <p:cNvSpPr txBox="1"/>
          <p:nvPr/>
        </p:nvSpPr>
        <p:spPr>
          <a:xfrm>
            <a:off x="4662451" y="5418250"/>
            <a:ext cx="35724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snaživanje i vlasništvo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4" name="Google Shape;154;p8"/>
          <p:cNvSpPr txBox="1"/>
          <p:nvPr/>
        </p:nvSpPr>
        <p:spPr>
          <a:xfrm>
            <a:off x="8614813" y="3800750"/>
            <a:ext cx="3221100" cy="400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evladavanje prepreka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5" name="Google Shape;155;p8"/>
          <p:cNvSpPr txBox="1"/>
          <p:nvPr/>
        </p:nvSpPr>
        <p:spPr>
          <a:xfrm>
            <a:off x="8614813" y="4609500"/>
            <a:ext cx="3221100" cy="7542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b="0" i="0" lang="en-US" sz="20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boljšanje digitalne pismenosti</a:t>
            </a:r>
            <a:endParaRPr b="0" i="0" sz="20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56" name="Google Shape;156;p8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60" name="Shape 16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1" name="Google Shape;161;p9"/>
          <p:cNvPicPr preferRelativeResize="0"/>
          <p:nvPr/>
        </p:nvPicPr>
        <p:blipFill rotWithShape="1">
          <a:blip r:embed="rId3">
            <a:alphaModFix amt="54000"/>
          </a:blip>
          <a:srcRect b="4704" l="0" r="0" t="13200"/>
          <a:stretch/>
        </p:blipFill>
        <p:spPr>
          <a:xfrm>
            <a:off x="0" y="0"/>
            <a:ext cx="12192001" cy="6918399"/>
          </a:xfrm>
          <a:prstGeom prst="rect">
            <a:avLst/>
          </a:prstGeom>
          <a:noFill/>
          <a:ln>
            <a:noFill/>
          </a:ln>
        </p:spPr>
      </p:pic>
      <p:sp>
        <p:nvSpPr>
          <p:cNvPr id="162" name="Google Shape;162;p9"/>
          <p:cNvSpPr/>
          <p:nvPr/>
        </p:nvSpPr>
        <p:spPr>
          <a:xfrm rot="10800000">
            <a:off x="6888925" y="1779750"/>
            <a:ext cx="3873300" cy="28413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63" name="Google Shape;163;p9"/>
          <p:cNvSpPr/>
          <p:nvPr/>
        </p:nvSpPr>
        <p:spPr>
          <a:xfrm rot="10800000">
            <a:off x="1196475" y="1780200"/>
            <a:ext cx="4050600" cy="28404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anchorCtr="0" anchor="ctr" bIns="45700" lIns="91425" spcFirstLastPara="1" rIns="91425" wrap="square" tIns="4570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t/>
            </a:r>
            <a:endParaRPr b="0" i="0" sz="1800" u="none" cap="none" strike="noStrik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64" name="Google Shape;164;p9"/>
          <p:cNvSpPr txBox="1"/>
          <p:nvPr/>
        </p:nvSpPr>
        <p:spPr>
          <a:xfrm>
            <a:off x="4032749" y="658241"/>
            <a:ext cx="4126500" cy="460800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b="1" i="0" lang="en-US" sz="3100" u="none" cap="none" strike="noStrik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zazovi</a:t>
            </a:r>
            <a:endParaRPr b="1" i="0" sz="3100" u="none" cap="none" strike="noStrik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65" name="Google Shape;165;p9"/>
          <p:cNvGrpSpPr/>
          <p:nvPr/>
        </p:nvGrpSpPr>
        <p:grpSpPr>
          <a:xfrm>
            <a:off x="5470012" y="1154947"/>
            <a:ext cx="1251984" cy="358200"/>
            <a:chOff x="5470062" y="1167647"/>
            <a:chExt cx="1251984" cy="358200"/>
          </a:xfrm>
        </p:grpSpPr>
        <p:sp>
          <p:nvSpPr>
            <p:cNvPr id="166" name="Google Shape;166;p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67" name="Google Shape;167;p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68" name="Google Shape;168;p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anchorCtr="0" anchor="ctr" bIns="45700" lIns="91425" spcFirstLastPara="1" rIns="91425" wrap="square" tIns="45700">
              <a:noAutofit/>
            </a:bodyPr>
            <a:lstStyle/>
            <a:p>
              <a:pPr indent="0" lvl="0" marL="0" marR="0" rtl="0" algn="ctr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r>
                <a:t/>
              </a:r>
              <a:endParaRPr b="0" i="0" sz="1800" u="none" cap="none" strike="noStrik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descr="A picture containing icon  Description automatically generated" id="169" name="Google Shape;169;p9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70" name="Google Shape;170;p9"/>
          <p:cNvSpPr txBox="1"/>
          <p:nvPr/>
        </p:nvSpPr>
        <p:spPr>
          <a:xfrm>
            <a:off x="1343550" y="1853850"/>
            <a:ext cx="4126500" cy="2506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300"/>
              <a:buFont typeface="Arial"/>
              <a:buNone/>
            </a:pPr>
            <a:r>
              <a:rPr b="1" i="0" lang="en-US" sz="23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Za edukatore:</a:t>
            </a:r>
            <a:br>
              <a:rPr b="1" i="0" lang="en-US" sz="23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0" i="0" sz="16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Dizajniranje učinkovitog sadržaja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oblemi s tehnologijom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Interakcija i komunikacija uživo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Procjena i povratne informacije.</a:t>
            </a:r>
            <a:endParaRPr b="0"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71" name="Google Shape;171;p9"/>
          <p:cNvSpPr txBox="1"/>
          <p:nvPr/>
        </p:nvSpPr>
        <p:spPr>
          <a:xfrm>
            <a:off x="7016500" y="1879050"/>
            <a:ext cx="4053900" cy="2737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300"/>
              <a:buFont typeface="Arial"/>
              <a:buNone/>
            </a:pPr>
            <a:r>
              <a:rPr b="1" i="0" lang="en-US" sz="23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Za studente</a:t>
            </a:r>
            <a:br>
              <a:rPr b="1" i="0" lang="en-US" sz="23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b="0" i="0" sz="16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Motivacija i disciplina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Tehnički izazovi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Izolacija i usamljenost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Ometanja;</a:t>
            </a:r>
            <a:endParaRPr b="0" i="0" sz="2000" u="none" cap="none" strike="noStrik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indent="-355600" lvl="0" marL="45720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Philosopher"/>
              <a:buChar char="●"/>
            </a:pPr>
            <a:r>
              <a:rPr b="0" i="0" lang="en-US" sz="2000" u="none" cap="none" strike="noStrik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Upravljanje vremenom </a:t>
            </a:r>
            <a:endParaRPr b="0"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r>
              <a:t/>
            </a:r>
            <a:endParaRPr b="0"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72" name="Google Shape;172;p9"/>
          <p:cNvSpPr txBox="1"/>
          <p:nvPr/>
        </p:nvSpPr>
        <p:spPr>
          <a:xfrm>
            <a:off x="1563450" y="4900775"/>
            <a:ext cx="9065100" cy="10065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ctr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b="0" i="1" lang="en-US" sz="1800" u="none" cap="none" strike="noStrike">
                <a:solidFill>
                  <a:schemeClr val="accent2"/>
                </a:solidFill>
                <a:highlight>
                  <a:schemeClr val="lt1"/>
                </a:highlight>
                <a:latin typeface="Philosopher"/>
                <a:ea typeface="Philosopher"/>
                <a:cs typeface="Philosopher"/>
                <a:sym typeface="Philosopher"/>
              </a:rPr>
              <a:t>I nastavnici i učenici mogu se suočiti s tim izazovima usvajanjem učinkovitih strategija, kao što su jasna komunikacija, aktivno sudjelovanje, korištenje različitih metoda poučavanja, stvaranje poticajnih zajednica za učenje i pružanje pravovremenih povratnih informacija.</a:t>
            </a:r>
            <a:endParaRPr b="0" i="1" sz="1800" u="none" cap="none" strike="noStrike">
              <a:solidFill>
                <a:schemeClr val="accent2"/>
              </a:solidFill>
              <a:highlight>
                <a:schemeClr val="lt1"/>
              </a:highlight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173" name="Google Shape;173;p9"/>
          <p:cNvCxnSpPr/>
          <p:nvPr/>
        </p:nvCxnSpPr>
        <p:spPr>
          <a:xfrm>
            <a:off x="1989850" y="5999000"/>
            <a:ext cx="8307600" cy="0"/>
          </a:xfrm>
          <a:prstGeom prst="straightConnector1">
            <a:avLst/>
          </a:prstGeom>
          <a:noFill/>
          <a:ln cap="flat" cmpd="sng" w="76200">
            <a:solidFill>
              <a:schemeClr val="accent2"/>
            </a:solidFill>
            <a:prstDash val="solid"/>
            <a:round/>
            <a:headEnd len="sm" w="sm" type="none"/>
            <a:tailEnd len="sm" w="sm" type="none"/>
          </a:ln>
        </p:spPr>
      </p:cxnSp>
      <p:pic>
        <p:nvPicPr>
          <p:cNvPr id="174" name="Google Shape;174;p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296325" y="6287500"/>
            <a:ext cx="1634550" cy="429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theme/theme1.xml><?xml version="1.0" encoding="utf-8"?>
<a:theme xmlns:a="http://schemas.openxmlformats.org/drawingml/2006/main" xmlns:r="http://schemas.openxmlformats.org/officeDocument/2006/relationships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

<file path=ppt/theme/theme2.xml><?xml version="1.0" encoding="utf-8"?>
<a:theme xmlns:a="http://schemas.openxmlformats.org/drawingml/2006/main" xmlns:r="http://schemas.openxmlformats.org/officeDocument/2006/relationships" name="Office Theme">
  <a:themeElements>
    <a:clrScheme name="Yellow">
      <a:dk1>
        <a:srgbClr val="000000"/>
      </a:dk1>
      <a:lt1>
        <a:srgbClr val="FFFFFF"/>
      </a:lt1>
      <a:dk2>
        <a:srgbClr val="39302A"/>
      </a:dk2>
      <a:lt2>
        <a:srgbClr val="E5DEDB"/>
      </a:lt2>
      <a:accent1>
        <a:srgbClr val="FFCA08"/>
      </a:accent1>
      <a:accent2>
        <a:srgbClr val="F8931D"/>
      </a:accent2>
      <a:accent3>
        <a:srgbClr val="CE8D3E"/>
      </a:accent3>
      <a:accent4>
        <a:srgbClr val="EC7016"/>
      </a:accent4>
      <a:accent5>
        <a:srgbClr val="E64823"/>
      </a:accent5>
      <a:accent6>
        <a:srgbClr val="9C6A6A"/>
      </a:accent6>
      <a:hlink>
        <a:srgbClr val="2998E3"/>
      </a:hlink>
      <a:folHlink>
        <a:srgbClr val="7F723D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>Ivone</dc:creator>
</cp:coreProperties>
</file>